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78\BLOCO II\CONTABILIDADE\IG - INFORMAÇÕES GERENCIAIS\Documentos - Informações Gerenciais\2018\Lei de Responsabilidade Fiscal\Arquivos para publicação-2018\1º Bim 2018 RREO PUBLICAÇÃO\"/>
    </mc:Choice>
  </mc:AlternateContent>
  <bookViews>
    <workbookView xWindow="0" yWindow="0" windowWidth="20490" windowHeight="7455" firstSheet="4" activeTab="4"/>
  </bookViews>
  <sheets>
    <sheet name="Anexo - 01 - Balanço Orçamentár" sheetId="1" r:id="rId1"/>
    <sheet name="Anexo - 02 - Despesas Função Su" sheetId="2" r:id="rId2"/>
    <sheet name="Anexo - 03 - Receita Corrente L" sheetId="3" r:id="rId3"/>
    <sheet name="Anexo - 04 - Previdência" sheetId="4" r:id="rId4"/>
    <sheet name="Anexo - 06 - Resultado Primário" sheetId="5" r:id="rId5"/>
    <sheet name="Anexo - 07 - Restos a Pagar" sheetId="6" r:id="rId6"/>
    <sheet name="Anexo - 08 - Receitas e Despesa" sheetId="7" r:id="rId7"/>
    <sheet name="Anexo - 12 - Receitas e Despesa" sheetId="8" r:id="rId8"/>
    <sheet name="Anexo - 13 - Parcerias Público-" sheetId="9" r:id="rId9"/>
    <sheet name="Anexo - 14 - Resumo Execução Or" sheetId="10" r:id="rId10"/>
  </sheets>
  <calcPr calcId="0"/>
</workbook>
</file>

<file path=xl/sharedStrings.xml><?xml version="1.0" encoding="utf-8"?>
<sst xmlns="http://schemas.openxmlformats.org/spreadsheetml/2006/main" count="8391" uniqueCount="3267">
  <si>
    <t>GOVERNO DO ESTADO DE MATO GROSSO DO SUL</t>
  </si>
  <si>
    <t>Relatório Resumido de Execução Orçamentária</t>
  </si>
  <si>
    <t>Anexo 1 - Balanço Orçamentário</t>
  </si>
  <si>
    <t>Orçamentos Fiscal e da Seguridade Social</t>
  </si>
  <si>
    <t>Janeiro até Fevereiro - 1º Bimestre/2018</t>
  </si>
  <si>
    <t>LRF, Art. 52, inciso I, alíneas "a" e "b" do inciso II e §1º</t>
  </si>
  <si>
    <t>Nº</t>
  </si>
  <si>
    <t/>
  </si>
  <si>
    <t>RECEITAS</t>
  </si>
  <si>
    <t>Previsão Inicial</t>
  </si>
  <si>
    <t>Previsão Atualizada (a)</t>
  </si>
  <si>
    <t>Receitas Realizadas</t>
  </si>
  <si>
    <t>No Bimestre (b)</t>
  </si>
  <si>
    <t>% (b/a)</t>
  </si>
  <si>
    <t>Até o Bimestre (c)</t>
  </si>
  <si>
    <t>% (c/a)</t>
  </si>
  <si>
    <t>Saldo (a - c)</t>
  </si>
  <si>
    <t>1</t>
  </si>
  <si>
    <t xml:space="preserve">      RECEITAS (EXCETO INTRA-ORÇAMENTÁRIAS) (I)</t>
  </si>
  <si>
    <t>13202358800,00</t>
  </si>
  <si>
    <t>13317230200,00</t>
  </si>
  <si>
    <t>2010989112,67</t>
  </si>
  <si>
    <t>15,10</t>
  </si>
  <si>
    <t>11306241087,33</t>
  </si>
  <si>
    <t>2</t>
  </si>
  <si>
    <t xml:space="preserve">         RECEITAS CORRENTES</t>
  </si>
  <si>
    <t>11578561400,00</t>
  </si>
  <si>
    <t>11693432800,00</t>
  </si>
  <si>
    <t>1919201105,37</t>
  </si>
  <si>
    <t>16,41</t>
  </si>
  <si>
    <t>9774231694,63</t>
  </si>
  <si>
    <t>3</t>
  </si>
  <si>
    <t xml:space="preserve">            IMPOSTOS, TAXAS E CONTRIBUIÇÕES DE MELHORIA</t>
  </si>
  <si>
    <t>6381070700,00</t>
  </si>
  <si>
    <t>1109207874,75</t>
  </si>
  <si>
    <t>17,38</t>
  </si>
  <si>
    <t>5271862825,25</t>
  </si>
  <si>
    <t>4</t>
  </si>
  <si>
    <t xml:space="preserve">               Impostos</t>
  </si>
  <si>
    <t>6115173000,00</t>
  </si>
  <si>
    <t>1071829329,46</t>
  </si>
  <si>
    <t>17,53</t>
  </si>
  <si>
    <t>5043343670,54</t>
  </si>
  <si>
    <t>5</t>
  </si>
  <si>
    <t xml:space="preserve">               Taxas</t>
  </si>
  <si>
    <t>265897700,00</t>
  </si>
  <si>
    <t>37378545,29</t>
  </si>
  <si>
    <t>14,06</t>
  </si>
  <si>
    <t>228519154,71</t>
  </si>
  <si>
    <t>6</t>
  </si>
  <si>
    <t xml:space="preserve">               Contribuição de Melhoria</t>
  </si>
  <si>
    <t>0,00</t>
  </si>
  <si>
    <t>7</t>
  </si>
  <si>
    <t xml:space="preserve">            CONTRIBUIÇÕES</t>
  </si>
  <si>
    <t>640844200,00</t>
  </si>
  <si>
    <t>755715600,00</t>
  </si>
  <si>
    <t>112117270,90</t>
  </si>
  <si>
    <t>14,84</t>
  </si>
  <si>
    <t>643598329,10</t>
  </si>
  <si>
    <t>8</t>
  </si>
  <si>
    <t xml:space="preserve">               Contribuições Sociais</t>
  </si>
  <si>
    <t>9</t>
  </si>
  <si>
    <t xml:space="preserve">               Contribuições Econômicas</t>
  </si>
  <si>
    <t>10</t>
  </si>
  <si>
    <t xml:space="preserve">               Contribuições para Entidades Privadas de Serviço Social e de Formação Profissional</t>
  </si>
  <si>
    <t>11</t>
  </si>
  <si>
    <t xml:space="preserve">               Contribuição para o Custeio do Serviço de Iluminação Pública</t>
  </si>
  <si>
    <t>12</t>
  </si>
  <si>
    <t xml:space="preserve">            RECEITA PATRIMONIAL</t>
  </si>
  <si>
    <t>333999600,00</t>
  </si>
  <si>
    <t>14376314,03</t>
  </si>
  <si>
    <t>4,30</t>
  </si>
  <si>
    <t>319623285,97</t>
  </si>
  <si>
    <t>13</t>
  </si>
  <si>
    <t xml:space="preserve">               Exploração do Patrimônio Imobiliário do Estado</t>
  </si>
  <si>
    <t>2425700,00</t>
  </si>
  <si>
    <t>253270,57</t>
  </si>
  <si>
    <t>10,44</t>
  </si>
  <si>
    <t>2172429,43</t>
  </si>
  <si>
    <t>14</t>
  </si>
  <si>
    <t xml:space="preserve">               Valores Mobiliários</t>
  </si>
  <si>
    <t>280973700,00</t>
  </si>
  <si>
    <t>9329986,72</t>
  </si>
  <si>
    <t>3,32</t>
  </si>
  <si>
    <t>271643713,28</t>
  </si>
  <si>
    <t>15</t>
  </si>
  <si>
    <t xml:space="preserve">               Delegação de Serviços Públicos Mediante Concessão, Permissão, Autorização ou Licença</t>
  </si>
  <si>
    <t>16</t>
  </si>
  <si>
    <t xml:space="preserve">               Exploração de Recursos Naturais</t>
  </si>
  <si>
    <t>32550200,00</t>
  </si>
  <si>
    <t>927898,02</t>
  </si>
  <si>
    <t>2,85</t>
  </si>
  <si>
    <t>31622301,98</t>
  </si>
  <si>
    <t>17</t>
  </si>
  <si>
    <t xml:space="preserve">               Exploração do Patrimônio Intangível</t>
  </si>
  <si>
    <t>18</t>
  </si>
  <si>
    <t xml:space="preserve">               Cessão de Direitos</t>
  </si>
  <si>
    <t>18050000,00</t>
  </si>
  <si>
    <t>3865158,72</t>
  </si>
  <si>
    <t>21,41</t>
  </si>
  <si>
    <t>14184841,28</t>
  </si>
  <si>
    <t>19</t>
  </si>
  <si>
    <t xml:space="preserve">               Demais Receitas Patrimoniais</t>
  </si>
  <si>
    <t>20</t>
  </si>
  <si>
    <t xml:space="preserve">            RECEITA AGROPECUÁRIA</t>
  </si>
  <si>
    <t>21</t>
  </si>
  <si>
    <t xml:space="preserve">            RECEITA INDUSTRIAL</t>
  </si>
  <si>
    <t>22</t>
  </si>
  <si>
    <t xml:space="preserve">            RECEITA DE SERVIÇOS</t>
  </si>
  <si>
    <t>586016600,00</t>
  </si>
  <si>
    <t>62240798,21</t>
  </si>
  <si>
    <t>10,62</t>
  </si>
  <si>
    <t>523775801,79</t>
  </si>
  <si>
    <t>23</t>
  </si>
  <si>
    <t xml:space="preserve">               Serviços Administrativos e Comerciais Gerais</t>
  </si>
  <si>
    <t>506907900,00</t>
  </si>
  <si>
    <t>52217093,39</t>
  </si>
  <si>
    <t>10,30</t>
  </si>
  <si>
    <t>454690806,61</t>
  </si>
  <si>
    <t>24</t>
  </si>
  <si>
    <t xml:space="preserve">               Serviços e Atividades Referentes à Navegação e ao Transporte</t>
  </si>
  <si>
    <t>1084000,00</t>
  </si>
  <si>
    <t>211379,15</t>
  </si>
  <si>
    <t>19,50</t>
  </si>
  <si>
    <t>872620,85</t>
  </si>
  <si>
    <t>25</t>
  </si>
  <si>
    <t xml:space="preserve">               Serviços e Atividades referentes à Saúde</t>
  </si>
  <si>
    <t>71006700,00</t>
  </si>
  <si>
    <t>9384768,71</t>
  </si>
  <si>
    <t>13,22</t>
  </si>
  <si>
    <t>61621931,29</t>
  </si>
  <si>
    <t>26</t>
  </si>
  <si>
    <t xml:space="preserve">               Serviços e Atividades Financeiras</t>
  </si>
  <si>
    <t>27</t>
  </si>
  <si>
    <t xml:space="preserve">               Outros Serviços</t>
  </si>
  <si>
    <t>7018000,00</t>
  </si>
  <si>
    <t>427556,96</t>
  </si>
  <si>
    <t>6,09</t>
  </si>
  <si>
    <t>6590443,04</t>
  </si>
  <si>
    <t>28</t>
  </si>
  <si>
    <t xml:space="preserve">            TRANSFERÊNCIAS CORRENTES</t>
  </si>
  <si>
    <t>3497656000,00</t>
  </si>
  <si>
    <t>608596775,52</t>
  </si>
  <si>
    <t>17,40</t>
  </si>
  <si>
    <t>2889059224,48</t>
  </si>
  <si>
    <t>29</t>
  </si>
  <si>
    <t xml:space="preserve">               Transferências da União e de suas Entidades</t>
  </si>
  <si>
    <t>1736945900,00</t>
  </si>
  <si>
    <t>294815129,54</t>
  </si>
  <si>
    <t>16,97</t>
  </si>
  <si>
    <t>1442130770,46</t>
  </si>
  <si>
    <t>30</t>
  </si>
  <si>
    <t xml:space="preserve">               Transferências dos Estados e do Distrito Federal e de suas Entidades</t>
  </si>
  <si>
    <t>31</t>
  </si>
  <si>
    <t xml:space="preserve">               Transferências dos Municípios e de suas Entidades</t>
  </si>
  <si>
    <t>382400,00</t>
  </si>
  <si>
    <t>32</t>
  </si>
  <si>
    <t xml:space="preserve">               Transferências de Instituições Privadas</t>
  </si>
  <si>
    <t>732130400,00</t>
  </si>
  <si>
    <t>121378471,51</t>
  </si>
  <si>
    <t>16,58</t>
  </si>
  <si>
    <t>610751928,49</t>
  </si>
  <si>
    <t>33</t>
  </si>
  <si>
    <t xml:space="preserve">               Transferências de Outras Instituições Públicas</t>
  </si>
  <si>
    <t>1027399300,00</t>
  </si>
  <si>
    <t>192403174,47</t>
  </si>
  <si>
    <t>18,73</t>
  </si>
  <si>
    <t>834996125,53</t>
  </si>
  <si>
    <t>34</t>
  </si>
  <si>
    <t xml:space="preserve">               Transferências do Exterior</t>
  </si>
  <si>
    <t>798000,00</t>
  </si>
  <si>
    <t>35</t>
  </si>
  <si>
    <t xml:space="preserve">               Transferências de Pessoas Físicas</t>
  </si>
  <si>
    <t>36</t>
  </si>
  <si>
    <t xml:space="preserve">               Transferências Provenientes de Depósitos Não Identificados</t>
  </si>
  <si>
    <t>37</t>
  </si>
  <si>
    <t xml:space="preserve">            OUTRAS RECEITAS CORRENTES</t>
  </si>
  <si>
    <t>138974300,00</t>
  </si>
  <si>
    <t>12662071,96</t>
  </si>
  <si>
    <t>9,11</t>
  </si>
  <si>
    <t>126312228,04</t>
  </si>
  <si>
    <t>38</t>
  </si>
  <si>
    <t xml:space="preserve">               Multas Administrativas, Contratuais e Judiciais</t>
  </si>
  <si>
    <t>44516500,00</t>
  </si>
  <si>
    <t>5410487,98</t>
  </si>
  <si>
    <t>12,15</t>
  </si>
  <si>
    <t>39106012,02</t>
  </si>
  <si>
    <t>39</t>
  </si>
  <si>
    <t xml:space="preserve">               Indenizações, Restituições e Ressarcimentos</t>
  </si>
  <si>
    <t>72619100,00</t>
  </si>
  <si>
    <t>3792601,46</t>
  </si>
  <si>
    <t>5,22</t>
  </si>
  <si>
    <t>68826498,54</t>
  </si>
  <si>
    <t>40</t>
  </si>
  <si>
    <t xml:space="preserve">               Bens, Direitos e Valores Incorporados ao Patrimônio Público</t>
  </si>
  <si>
    <t>41</t>
  </si>
  <si>
    <t xml:space="preserve">               Demais Receitas Correntes</t>
  </si>
  <si>
    <t>21838700,00</t>
  </si>
  <si>
    <t>3458982,52</t>
  </si>
  <si>
    <t>15,84</t>
  </si>
  <si>
    <t>18379717,48</t>
  </si>
  <si>
    <t>42</t>
  </si>
  <si>
    <t xml:space="preserve">         RECEITAS DE CAPITAL</t>
  </si>
  <si>
    <t>1623797400,00</t>
  </si>
  <si>
    <t>91788007,30</t>
  </si>
  <si>
    <t>5,65</t>
  </si>
  <si>
    <t>1532009392,70</t>
  </si>
  <si>
    <t>43</t>
  </si>
  <si>
    <t xml:space="preserve">            OPERAÇÕES DE CRÉDITO</t>
  </si>
  <si>
    <t>44</t>
  </si>
  <si>
    <t xml:space="preserve">               Operações de Crédito - Mercado Interno</t>
  </si>
  <si>
    <t>45</t>
  </si>
  <si>
    <t xml:space="preserve">               Operações de Crédito - Mercado Externo</t>
  </si>
  <si>
    <t>46</t>
  </si>
  <si>
    <t xml:space="preserve">            ALIENAÇÃO DE BENS</t>
  </si>
  <si>
    <t>2000000,00</t>
  </si>
  <si>
    <t>903944,84</t>
  </si>
  <si>
    <t>45,20</t>
  </si>
  <si>
    <t>1096055,16</t>
  </si>
  <si>
    <t>47</t>
  </si>
  <si>
    <t xml:space="preserve">               Alienação de Bens Móveis</t>
  </si>
  <si>
    <t>1151,70</t>
  </si>
  <si>
    <t>0,06</t>
  </si>
  <si>
    <t>1998848,30</t>
  </si>
  <si>
    <t>48</t>
  </si>
  <si>
    <t xml:space="preserve">               Alienação de Bens Imóveis</t>
  </si>
  <si>
    <t>902793,14</t>
  </si>
  <si>
    <t>-902793,14</t>
  </si>
  <si>
    <t>49</t>
  </si>
  <si>
    <t xml:space="preserve">               Alienação de Bens Intangíveis</t>
  </si>
  <si>
    <t>50</t>
  </si>
  <si>
    <t xml:space="preserve">            AMORTIZAÇÕES DE EMPRÉSTIMOS</t>
  </si>
  <si>
    <t>4212600,00</t>
  </si>
  <si>
    <t>778222,61</t>
  </si>
  <si>
    <t>18,47</t>
  </si>
  <si>
    <t>3434377,39</t>
  </si>
  <si>
    <t>51</t>
  </si>
  <si>
    <t xml:space="preserve">            TRANSFERÊNCIAS DE CAPITAL</t>
  </si>
  <si>
    <t>1015367300,00</t>
  </si>
  <si>
    <t>90105839,85</t>
  </si>
  <si>
    <t>8,87</t>
  </si>
  <si>
    <t>925261460,15</t>
  </si>
  <si>
    <t>52</t>
  </si>
  <si>
    <t>420819100,00</t>
  </si>
  <si>
    <t>13216054,29</t>
  </si>
  <si>
    <t>3,14</t>
  </si>
  <si>
    <t>407603045,71</t>
  </si>
  <si>
    <t>53</t>
  </si>
  <si>
    <t>1720000,00</t>
  </si>
  <si>
    <t>1636389,57</t>
  </si>
  <si>
    <t>95,14</t>
  </si>
  <si>
    <t>83610,43</t>
  </si>
  <si>
    <t>54</t>
  </si>
  <si>
    <t>55</t>
  </si>
  <si>
    <t>592711900,00</t>
  </si>
  <si>
    <t>75253395,99</t>
  </si>
  <si>
    <t>12,70</t>
  </si>
  <si>
    <t>517458504,01</t>
  </si>
  <si>
    <t>56</t>
  </si>
  <si>
    <t>57</t>
  </si>
  <si>
    <t>700,00</t>
  </si>
  <si>
    <t>58</t>
  </si>
  <si>
    <t>115600,00</t>
  </si>
  <si>
    <t>59</t>
  </si>
  <si>
    <t>60</t>
  </si>
  <si>
    <t xml:space="preserve">            OUTRAS RECEITAS DE CAPITAL</t>
  </si>
  <si>
    <t>602217500,00</t>
  </si>
  <si>
    <t>61</t>
  </si>
  <si>
    <t xml:space="preserve">               Integralização do Capital Social</t>
  </si>
  <si>
    <t>62</t>
  </si>
  <si>
    <t xml:space="preserve">               Remuneração das Disponibilidades do Tesouro</t>
  </si>
  <si>
    <t>63</t>
  </si>
  <si>
    <t xml:space="preserve">               Resgate de Títulos do Tesouro</t>
  </si>
  <si>
    <t>64</t>
  </si>
  <si>
    <t xml:space="preserve">               Demais Receitas de Capital</t>
  </si>
  <si>
    <t>65</t>
  </si>
  <si>
    <t xml:space="preserve">      RECEITAS (INTRA-ORÇAMENTÁRIAS) (II)</t>
  </si>
  <si>
    <t>1294955200,00</t>
  </si>
  <si>
    <t>1590338800,00</t>
  </si>
  <si>
    <t>409254435,35</t>
  </si>
  <si>
    <t>25,73</t>
  </si>
  <si>
    <t>1181084364,65</t>
  </si>
  <si>
    <t>66</t>
  </si>
  <si>
    <t xml:space="preserve">   SUBTOTAL DAS RECEITAS (III) = (I + II)</t>
  </si>
  <si>
    <t>14497314000,00</t>
  </si>
  <si>
    <t>14907569000,00</t>
  </si>
  <si>
    <t>2420243548,02</t>
  </si>
  <si>
    <t>16,23</t>
  </si>
  <si>
    <t>12487325451,98</t>
  </si>
  <si>
    <t>67</t>
  </si>
  <si>
    <t xml:space="preserve">   OPERAÇÕES DE CRÉDITO / REFINANCIAMENTO  (IV)</t>
  </si>
  <si>
    <t>68</t>
  </si>
  <si>
    <t xml:space="preserve">      Operações de Crédito Internas</t>
  </si>
  <si>
    <t>69</t>
  </si>
  <si>
    <t xml:space="preserve">         Mobiliária</t>
  </si>
  <si>
    <t>70</t>
  </si>
  <si>
    <t xml:space="preserve">         Contratual</t>
  </si>
  <si>
    <t>71</t>
  </si>
  <si>
    <t xml:space="preserve">      Operações de Crédito Externas</t>
  </si>
  <si>
    <t>72</t>
  </si>
  <si>
    <t>73</t>
  </si>
  <si>
    <t>74</t>
  </si>
  <si>
    <t>SUBTOTAL COM REFINANCIAMENTO (V) = (III + IV)</t>
  </si>
  <si>
    <t>75</t>
  </si>
  <si>
    <t>DÉFICIT (VI)1</t>
  </si>
  <si>
    <t>76</t>
  </si>
  <si>
    <t>TOTAL (VII) = (V + VI)</t>
  </si>
  <si>
    <t>77</t>
  </si>
  <si>
    <t>SALDOS DE EXERCÍCIOS ANTERIORES</t>
  </si>
  <si>
    <t>78</t>
  </si>
  <si>
    <t>Recursos Arrecadados em Exercícios Anteriores - RPPS</t>
  </si>
  <si>
    <t>79</t>
  </si>
  <si>
    <t>Superávit Financeiro Utilizado para Créditos Adicionais</t>
  </si>
  <si>
    <t>80</t>
  </si>
  <si>
    <t>Reabertura de Créditos Adicionais</t>
  </si>
  <si>
    <t>DESPESAS</t>
  </si>
  <si>
    <t>Dotação Inicial (d)</t>
  </si>
  <si>
    <t>Dotação Atualizada (e)</t>
  </si>
  <si>
    <t>Despesas Empenhadas</t>
  </si>
  <si>
    <t>No Bimestre</t>
  </si>
  <si>
    <t xml:space="preserve">Até o Bimestre (f) </t>
  </si>
  <si>
    <t>Saldo (g) = (e-f)</t>
  </si>
  <si>
    <t>Despesas Liquidadas</t>
  </si>
  <si>
    <t xml:space="preserve">Até o Bimestre (h) </t>
  </si>
  <si>
    <t>Saldo (i) = (e-h)</t>
  </si>
  <si>
    <t>Despesas Pagas Até o Bimestre (j)</t>
  </si>
  <si>
    <t>81</t>
  </si>
  <si>
    <t xml:space="preserve">      DESPESAS (EXCETO INTRA-ORÇAMENTÁRIAS) (VIII)</t>
  </si>
  <si>
    <t>12635431200,00</t>
  </si>
  <si>
    <t>13016815383,23</t>
  </si>
  <si>
    <t>3195619656,33</t>
  </si>
  <si>
    <t>9821195726,90</t>
  </si>
  <si>
    <t>1631846696,59</t>
  </si>
  <si>
    <t>11384968686,64</t>
  </si>
  <si>
    <t>1237311978,31</t>
  </si>
  <si>
    <t>82</t>
  </si>
  <si>
    <t xml:space="preserve">         DESPESAS CORRENTES</t>
  </si>
  <si>
    <t>10633023100,00</t>
  </si>
  <si>
    <t>11024217728,23</t>
  </si>
  <si>
    <t>2666375180,25</t>
  </si>
  <si>
    <t>8357842547,98</t>
  </si>
  <si>
    <t>1456560468,61</t>
  </si>
  <si>
    <t>9567657259,62</t>
  </si>
  <si>
    <t>1077032332,31</t>
  </si>
  <si>
    <t>83</t>
  </si>
  <si>
    <t xml:space="preserve">            PESSOAL E ENCARGOS SOCIAIS</t>
  </si>
  <si>
    <t>6869269300,00</t>
  </si>
  <si>
    <t>7324500490,43</t>
  </si>
  <si>
    <t>1867289243,84</t>
  </si>
  <si>
    <t>5457211246,59</t>
  </si>
  <si>
    <t>1099203012,50</t>
  </si>
  <si>
    <t>6225297477,93</t>
  </si>
  <si>
    <t>782887665,61</t>
  </si>
  <si>
    <t>84</t>
  </si>
  <si>
    <t xml:space="preserve">            JUROS E ENCARGOS DA DÍVIDA</t>
  </si>
  <si>
    <t>371645100,00</t>
  </si>
  <si>
    <t>371493851,00</t>
  </si>
  <si>
    <t>51569511,29</t>
  </si>
  <si>
    <t>319924339,71</t>
  </si>
  <si>
    <t>50178663,10</t>
  </si>
  <si>
    <t>321315187,90</t>
  </si>
  <si>
    <t>85</t>
  </si>
  <si>
    <t xml:space="preserve">            OUTRAS DESPESAS CORRENTES</t>
  </si>
  <si>
    <t>3392108700,00</t>
  </si>
  <si>
    <t>3328223386,80</t>
  </si>
  <si>
    <t>747516425,12</t>
  </si>
  <si>
    <t>2580706961,68</t>
  </si>
  <si>
    <t>307178793,01</t>
  </si>
  <si>
    <t>3021044593,79</t>
  </si>
  <si>
    <t>243966003,60</t>
  </si>
  <si>
    <t>86</t>
  </si>
  <si>
    <t xml:space="preserve">               Transferências a Municípios²</t>
  </si>
  <si>
    <t>138000000,00</t>
  </si>
  <si>
    <t>76441078,00</t>
  </si>
  <si>
    <t>28000000,00</t>
  </si>
  <si>
    <t>48441078,00</t>
  </si>
  <si>
    <t>14000000,00</t>
  </si>
  <si>
    <t>87</t>
  </si>
  <si>
    <t xml:space="preserve">               Demais Despesas Correntes²</t>
  </si>
  <si>
    <t>3254108700,00</t>
  </si>
  <si>
    <t>3251782308,80</t>
  </si>
  <si>
    <t>719516425,12</t>
  </si>
  <si>
    <t>2532265883,68</t>
  </si>
  <si>
    <t>279178793,01</t>
  </si>
  <si>
    <t>2972603515,79</t>
  </si>
  <si>
    <t>229966003,60</t>
  </si>
  <si>
    <t>88</t>
  </si>
  <si>
    <t xml:space="preserve">         DESPESAS DE CAPITAL</t>
  </si>
  <si>
    <t>1736518200,00</t>
  </si>
  <si>
    <t>1876126855,00</t>
  </si>
  <si>
    <t>529244476,08</t>
  </si>
  <si>
    <t>1346882378,92</t>
  </si>
  <si>
    <t>175286227,98</t>
  </si>
  <si>
    <t>1700840627,02</t>
  </si>
  <si>
    <t>160279646,00</t>
  </si>
  <si>
    <t>89</t>
  </si>
  <si>
    <t xml:space="preserve">            INVESTIMENTOS</t>
  </si>
  <si>
    <t>1428253100,00</t>
  </si>
  <si>
    <t>1550597855,00</t>
  </si>
  <si>
    <t>476938418,00</t>
  </si>
  <si>
    <t>1073659437,00</t>
  </si>
  <si>
    <t>124159710,01</t>
  </si>
  <si>
    <t>1426438144,99</t>
  </si>
  <si>
    <t>109153128,03</t>
  </si>
  <si>
    <t>90</t>
  </si>
  <si>
    <t xml:space="preserve">            INVERSÕES FINANCEIRAS</t>
  </si>
  <si>
    <t>1166500,00</t>
  </si>
  <si>
    <t>91</t>
  </si>
  <si>
    <t xml:space="preserve">            AMORTIZAÇÃO DA DÍVIDA</t>
  </si>
  <si>
    <t>307098600,00</t>
  </si>
  <si>
    <t>324362500,00</t>
  </si>
  <si>
    <t>52306058,08</t>
  </si>
  <si>
    <t>272056441,92</t>
  </si>
  <si>
    <t>51126517,97</t>
  </si>
  <si>
    <t>273235982,03</t>
  </si>
  <si>
    <t>92</t>
  </si>
  <si>
    <t xml:space="preserve">         RESERVA DE CONTINGÊNCIA</t>
  </si>
  <si>
    <t>265889900,00</t>
  </si>
  <si>
    <t>116470800,00</t>
  </si>
  <si>
    <t>93</t>
  </si>
  <si>
    <t xml:space="preserve">      DESPESAS (INTRA-ORÇAMENTÁRIAS) (IX)</t>
  </si>
  <si>
    <t>1861882800,00</t>
  </si>
  <si>
    <t>1923737749,77</t>
  </si>
  <si>
    <t>219684527,01</t>
  </si>
  <si>
    <t>1704053222,76</t>
  </si>
  <si>
    <t>196865682,83</t>
  </si>
  <si>
    <t>1726872066,94</t>
  </si>
  <si>
    <t>113468716,10</t>
  </si>
  <si>
    <t>94</t>
  </si>
  <si>
    <t xml:space="preserve">   SUBTOTAL DAS DESPESAS (X) = (VIII + IX)</t>
  </si>
  <si>
    <t>14940553133,00</t>
  </si>
  <si>
    <t>3415304183,34</t>
  </si>
  <si>
    <t>11525248949,66</t>
  </si>
  <si>
    <t>1828712379,42</t>
  </si>
  <si>
    <t>13111840753,58</t>
  </si>
  <si>
    <t>1350780694,41</t>
  </si>
  <si>
    <t>95</t>
  </si>
  <si>
    <t xml:space="preserve">   AMORTIZAÇÃO DA DÍV. / REFINANCIAMENTO (XI)</t>
  </si>
  <si>
    <t>96</t>
  </si>
  <si>
    <t xml:space="preserve">      Amortização da Dívida Interna</t>
  </si>
  <si>
    <t>97</t>
  </si>
  <si>
    <t xml:space="preserve">         Dívida Mobiliária</t>
  </si>
  <si>
    <t>98</t>
  </si>
  <si>
    <t xml:space="preserve">         Outras Dívidas</t>
  </si>
  <si>
    <t>99</t>
  </si>
  <si>
    <t xml:space="preserve">      Amortização da Dívida Externa</t>
  </si>
  <si>
    <t>100</t>
  </si>
  <si>
    <t>101</t>
  </si>
  <si>
    <t>102</t>
  </si>
  <si>
    <t>SUBTOTAL C/ REFINANCIAMENTO (XII) = (X + XI)</t>
  </si>
  <si>
    <t>103</t>
  </si>
  <si>
    <t>SUPERÁVIT (XIII)</t>
  </si>
  <si>
    <t>591531168,60</t>
  </si>
  <si>
    <t>104</t>
  </si>
  <si>
    <t>TOTAL (XIV) = (XII + XIII)</t>
  </si>
  <si>
    <t>105</t>
  </si>
  <si>
    <t>RESERVA DO RPPS</t>
  </si>
  <si>
    <t>149972300,00</t>
  </si>
  <si>
    <t>553200,00</t>
  </si>
  <si>
    <t>RECEITAS (INTRA-ORÇAMENTÁRIAS)</t>
  </si>
  <si>
    <t>106</t>
  </si>
  <si>
    <t>RECEITAS (INTRA-ORÇAMENTÁRIAS) (II)</t>
  </si>
  <si>
    <t>107</t>
  </si>
  <si>
    <t>RECEITAS CORRENTES</t>
  </si>
  <si>
    <t>108</t>
  </si>
  <si>
    <t xml:space="preserve">   IMPOSTOS, TAXAS E CONTRIBUIÇÕES DE MELHORIA</t>
  </si>
  <si>
    <t>109</t>
  </si>
  <si>
    <t xml:space="preserve">      Impostos</t>
  </si>
  <si>
    <t>110</t>
  </si>
  <si>
    <t xml:space="preserve">      Taxas</t>
  </si>
  <si>
    <t>111</t>
  </si>
  <si>
    <t xml:space="preserve">      Contribuição de Melhoria</t>
  </si>
  <si>
    <t>112</t>
  </si>
  <si>
    <t xml:space="preserve">   CONTRIBUIÇÕES</t>
  </si>
  <si>
    <t>869947500,00</t>
  </si>
  <si>
    <t>1157126000,00</t>
  </si>
  <si>
    <t>257932478,48</t>
  </si>
  <si>
    <t>22,29</t>
  </si>
  <si>
    <t>899193521,52</t>
  </si>
  <si>
    <t>113</t>
  </si>
  <si>
    <t xml:space="preserve">      Contribuições Sociais</t>
  </si>
  <si>
    <t>114</t>
  </si>
  <si>
    <t xml:space="preserve">      Contribuições Econômicas</t>
  </si>
  <si>
    <t>115</t>
  </si>
  <si>
    <t xml:space="preserve">      Contribuições para Entidades Privadas de Serviço Social e de Formação Profissional</t>
  </si>
  <si>
    <t>116</t>
  </si>
  <si>
    <t xml:space="preserve">      Contribuição para o Custeio do Serviço de Iluminação Pública</t>
  </si>
  <si>
    <t>117</t>
  </si>
  <si>
    <t xml:space="preserve">   RECEITA PATRIMONIAL</t>
  </si>
  <si>
    <t>26000000,00</t>
  </si>
  <si>
    <t>2359624,33</t>
  </si>
  <si>
    <t>9,08</t>
  </si>
  <si>
    <t>23640375,67</t>
  </si>
  <si>
    <t>118</t>
  </si>
  <si>
    <t xml:space="preserve">      Exploração do Patrimônio Imobiliário do Estado</t>
  </si>
  <si>
    <t>119</t>
  </si>
  <si>
    <t xml:space="preserve">      Valores Mobiliários</t>
  </si>
  <si>
    <t>120</t>
  </si>
  <si>
    <t xml:space="preserve">      Delegação de Serviços Públicos Mediante Concessão, Permissão, Autorização ou Licença</t>
  </si>
  <si>
    <t>121</t>
  </si>
  <si>
    <t xml:space="preserve">      Exploração de Recursos Naturais</t>
  </si>
  <si>
    <t>122</t>
  </si>
  <si>
    <t xml:space="preserve">      Exploração do Patrimônio Intangível</t>
  </si>
  <si>
    <t>123</t>
  </si>
  <si>
    <t xml:space="preserve">      Cessão de Direitos</t>
  </si>
  <si>
    <t>124</t>
  </si>
  <si>
    <t xml:space="preserve">      Demais Receitas Patrimoniais</t>
  </si>
  <si>
    <t>125</t>
  </si>
  <si>
    <t xml:space="preserve">   RECEITA AGROPECUÁRIA</t>
  </si>
  <si>
    <t>126</t>
  </si>
  <si>
    <t xml:space="preserve">   RECEITA INDUSTRIAL</t>
  </si>
  <si>
    <t>127</t>
  </si>
  <si>
    <t xml:space="preserve">   RECEITA DE SERVIÇOS</t>
  </si>
  <si>
    <t>128</t>
  </si>
  <si>
    <t xml:space="preserve">      Serviços Administrativos e Comerciais Gerais</t>
  </si>
  <si>
    <t>129</t>
  </si>
  <si>
    <t xml:space="preserve">      Serviços e Atividades Referentes à Navegação e ao Transporte</t>
  </si>
  <si>
    <t>130</t>
  </si>
  <si>
    <t xml:space="preserve">      Serviços e Atividades referentes à Saúde</t>
  </si>
  <si>
    <t>131</t>
  </si>
  <si>
    <t xml:space="preserve">      Serviços e Atividades Financeiras</t>
  </si>
  <si>
    <t>132</t>
  </si>
  <si>
    <t xml:space="preserve">      Outros Serviços</t>
  </si>
  <si>
    <t>133</t>
  </si>
  <si>
    <t xml:space="preserve">   TRANSFERÊNCIAS CORRENTES</t>
  </si>
  <si>
    <t>134</t>
  </si>
  <si>
    <t xml:space="preserve">      Transferências da União e de suas Entidades</t>
  </si>
  <si>
    <t>135</t>
  </si>
  <si>
    <t xml:space="preserve">      Transferências dos Estados e do Distrito Federal e de suas Entidades</t>
  </si>
  <si>
    <t>136</t>
  </si>
  <si>
    <t xml:space="preserve">      Transferências dos Municípios e de suas Entidades</t>
  </si>
  <si>
    <t>137</t>
  </si>
  <si>
    <t xml:space="preserve">      Transferências de Instituições Privadas</t>
  </si>
  <si>
    <t>138</t>
  </si>
  <si>
    <t xml:space="preserve">      Transferências de Outras Instituições Públicas</t>
  </si>
  <si>
    <t>139</t>
  </si>
  <si>
    <t xml:space="preserve">      Transferências do Exterior</t>
  </si>
  <si>
    <t>140</t>
  </si>
  <si>
    <t xml:space="preserve">      Transferências de Pessoas Físicas</t>
  </si>
  <si>
    <t>141</t>
  </si>
  <si>
    <t xml:space="preserve">      Transferências Provenientes de Depósitos Não Identificados</t>
  </si>
  <si>
    <t>142</t>
  </si>
  <si>
    <t xml:space="preserve">   OUTRAS RECEITAS CORRENTES</t>
  </si>
  <si>
    <t>399007700,00</t>
  </si>
  <si>
    <t>407212800,00</t>
  </si>
  <si>
    <t>148962332,54</t>
  </si>
  <si>
    <t>36,58</t>
  </si>
  <si>
    <t>258250467,46</t>
  </si>
  <si>
    <t>143</t>
  </si>
  <si>
    <t xml:space="preserve">      Multas Administrativas, Contratuais e Judiciais</t>
  </si>
  <si>
    <t>144</t>
  </si>
  <si>
    <t xml:space="preserve">      Indenizações, Restituições e Ressarcimentos</t>
  </si>
  <si>
    <t>145</t>
  </si>
  <si>
    <t xml:space="preserve">      Bens, Direitos e Valores Incorporados ao Patrimônio Público</t>
  </si>
  <si>
    <t>146</t>
  </si>
  <si>
    <t xml:space="preserve">      Demais Receitas Correntes</t>
  </si>
  <si>
    <t>147</t>
  </si>
  <si>
    <t>RECEITAS DE CAPITAL</t>
  </si>
  <si>
    <t>148</t>
  </si>
  <si>
    <t xml:space="preserve">   OPERAÇÕES DE CRÉDITO</t>
  </si>
  <si>
    <t>149</t>
  </si>
  <si>
    <t xml:space="preserve">      Operações de Crédito - Mercado Interno</t>
  </si>
  <si>
    <t>150</t>
  </si>
  <si>
    <t xml:space="preserve">      Operações de Crédito - Mercado Externo</t>
  </si>
  <si>
    <t>151</t>
  </si>
  <si>
    <t xml:space="preserve">   ALIENAÇÃO DE BENS</t>
  </si>
  <si>
    <t>152</t>
  </si>
  <si>
    <t xml:space="preserve">      Alienação de Bens Móveis</t>
  </si>
  <si>
    <t>153</t>
  </si>
  <si>
    <t xml:space="preserve">      Alienação de Bens Imóveis</t>
  </si>
  <si>
    <t>154</t>
  </si>
  <si>
    <t xml:space="preserve">      Alienação de Bens Intangíveis</t>
  </si>
  <si>
    <t>155</t>
  </si>
  <si>
    <t xml:space="preserve">   AMORTIZAÇÕES DE EMPRÉSTIMOS</t>
  </si>
  <si>
    <t>156</t>
  </si>
  <si>
    <t xml:space="preserve">   TRANSFERÊNCIAS DE CAPITAL</t>
  </si>
  <si>
    <t>157</t>
  </si>
  <si>
    <t>158</t>
  </si>
  <si>
    <t>159</t>
  </si>
  <si>
    <t>160</t>
  </si>
  <si>
    <t>161</t>
  </si>
  <si>
    <t>162</t>
  </si>
  <si>
    <t>163</t>
  </si>
  <si>
    <t>164</t>
  </si>
  <si>
    <t>165</t>
  </si>
  <si>
    <t xml:space="preserve">   OUTRAS RECEITAS DE CAPITAL</t>
  </si>
  <si>
    <t>166</t>
  </si>
  <si>
    <t xml:space="preserve">      Integralização do Capital Social</t>
  </si>
  <si>
    <t>167</t>
  </si>
  <si>
    <t xml:space="preserve">      Remuneração das Disponibilidades do Tesouro</t>
  </si>
  <si>
    <t>168</t>
  </si>
  <si>
    <t xml:space="preserve">      Resgate de Títulos do Tesouro       </t>
  </si>
  <si>
    <t>169</t>
  </si>
  <si>
    <t xml:space="preserve">      Demais Receitas de Capital</t>
  </si>
  <si>
    <t>DESPESAS (INTRA-ORÇAMENTÁRIAS)</t>
  </si>
  <si>
    <t>170</t>
  </si>
  <si>
    <t>DESPESAS (INTRA-ORÇAMENTÁRIAS) (IX)</t>
  </si>
  <si>
    <t>171</t>
  </si>
  <si>
    <t>DESPESAS CORRENTES</t>
  </si>
  <si>
    <t>172</t>
  </si>
  <si>
    <t xml:space="preserve">   PESSOAL E ENCARGOS SOCIAIS</t>
  </si>
  <si>
    <t>778915800,00</t>
  </si>
  <si>
    <t>906703227,57</t>
  </si>
  <si>
    <t>157115972,62</t>
  </si>
  <si>
    <t>749587254,95</t>
  </si>
  <si>
    <t>136862782,62</t>
  </si>
  <si>
    <t>769840444,95</t>
  </si>
  <si>
    <t>73844799,47</t>
  </si>
  <si>
    <t>173</t>
  </si>
  <si>
    <t xml:space="preserve">   JUROS E ENCARGOS DA DÍVIDA</t>
  </si>
  <si>
    <t>174</t>
  </si>
  <si>
    <t xml:space="preserve">   OUTRAS DESPESAS CORRENTES</t>
  </si>
  <si>
    <t>1082967000,00</t>
  </si>
  <si>
    <t>1017034522,20</t>
  </si>
  <si>
    <t>62568554,39</t>
  </si>
  <si>
    <t>954465967,81</t>
  </si>
  <si>
    <t>60002900,21</t>
  </si>
  <si>
    <t>957031621,99</t>
  </si>
  <si>
    <t>39623916,63</t>
  </si>
  <si>
    <t>175</t>
  </si>
  <si>
    <t>DESPESAS DE CAPITAL</t>
  </si>
  <si>
    <t>176</t>
  </si>
  <si>
    <t xml:space="preserve">   INVESTIMENTOS</t>
  </si>
  <si>
    <t>177</t>
  </si>
  <si>
    <t xml:space="preserve">   INVERSÕES FINANCEIRAS</t>
  </si>
  <si>
    <t>178</t>
  </si>
  <si>
    <t xml:space="preserve">   AMORTIZAÇÃO DA DÍVIDA</t>
  </si>
  <si>
    <t>179</t>
  </si>
  <si>
    <t>RESERVA DE CONTIGÊNCIA</t>
  </si>
  <si>
    <t>Anexo 2 - Demonstrativo da Execução das Despesas por Função/Subfunção</t>
  </si>
  <si>
    <t>LRF, Art. 52, inciso II, alíneas "c"</t>
  </si>
  <si>
    <t>FUNÇÃO/SUBFUNÇÃO</t>
  </si>
  <si>
    <t>Dotação Inicial</t>
  </si>
  <si>
    <t>Dotação Atualizada (a)</t>
  </si>
  <si>
    <t>Até o Bimestre (b)</t>
  </si>
  <si>
    <t>% (b/total b)</t>
  </si>
  <si>
    <t>Saldo (c) = (a-b)</t>
  </si>
  <si>
    <t xml:space="preserve">Até o Bimestre (d) </t>
  </si>
  <si>
    <t>% (d/total d)</t>
  </si>
  <si>
    <t>Saldo (e) = (a-d)</t>
  </si>
  <si>
    <t>DESPESAS EXCETO INTRA-ORÇAMENTÁRIA</t>
  </si>
  <si>
    <t>99,99</t>
  </si>
  <si>
    <t>100,05</t>
  </si>
  <si>
    <t xml:space="preserve">   01 - LEGISLATIVA</t>
  </si>
  <si>
    <t>484569700,00</t>
  </si>
  <si>
    <t>480569700,00</t>
  </si>
  <si>
    <t>175435934,46</t>
  </si>
  <si>
    <t>5,49</t>
  </si>
  <si>
    <t>305133765,54</t>
  </si>
  <si>
    <t>51096247,39</t>
  </si>
  <si>
    <t>429473452,61</t>
  </si>
  <si>
    <t xml:space="preserve">      031 - AÇÃO LEGISLATIVA</t>
  </si>
  <si>
    <t>247719700,00</t>
  </si>
  <si>
    <t>243719700,00</t>
  </si>
  <si>
    <t>52183351,11</t>
  </si>
  <si>
    <t>1,63</t>
  </si>
  <si>
    <t>191536348,89</t>
  </si>
  <si>
    <t>28646382,83</t>
  </si>
  <si>
    <t>1,76</t>
  </si>
  <si>
    <t>215073317,17</t>
  </si>
  <si>
    <t xml:space="preserve">      032 - CONTROLE EXTERNO</t>
  </si>
  <si>
    <t>236850000,00</t>
  </si>
  <si>
    <t>123252583,35</t>
  </si>
  <si>
    <t>3,86</t>
  </si>
  <si>
    <t>113597416,65</t>
  </si>
  <si>
    <t>22449864,56</t>
  </si>
  <si>
    <t>1,38</t>
  </si>
  <si>
    <t>214400135,44</t>
  </si>
  <si>
    <t xml:space="preserve">   02 - JUDICIÁRIA</t>
  </si>
  <si>
    <t>905070000,00</t>
  </si>
  <si>
    <t>887395015,00</t>
  </si>
  <si>
    <t>807328998,32</t>
  </si>
  <si>
    <t>25,27</t>
  </si>
  <si>
    <t>80066016,68</t>
  </si>
  <si>
    <t>129356863,16</t>
  </si>
  <si>
    <t>7,95</t>
  </si>
  <si>
    <t>758038151,84</t>
  </si>
  <si>
    <t xml:space="preserve">      061 - AÇÃO JUDICIÁRIA</t>
  </si>
  <si>
    <t>112779200,00</t>
  </si>
  <si>
    <t>124373215,00</t>
  </si>
  <si>
    <t>93542556,55</t>
  </si>
  <si>
    <t>2,93</t>
  </si>
  <si>
    <t>30830658,45</t>
  </si>
  <si>
    <t>11550855,72</t>
  </si>
  <si>
    <t>0,71</t>
  </si>
  <si>
    <t>112822359,28</t>
  </si>
  <si>
    <t xml:space="preserve">      122 - ADMINISTRAÇÃO GERAL</t>
  </si>
  <si>
    <t>754438000,00</t>
  </si>
  <si>
    <t>725169000,00</t>
  </si>
  <si>
    <t>685948930,27</t>
  </si>
  <si>
    <t>21,47</t>
  </si>
  <si>
    <t>39220069,73</t>
  </si>
  <si>
    <t>113673583,53</t>
  </si>
  <si>
    <t>6,97</t>
  </si>
  <si>
    <t>611495416,47</t>
  </si>
  <si>
    <t xml:space="preserve">      126 - TECNOLOGIA DA INFORMAÇÃO</t>
  </si>
  <si>
    <t>30000000,00</t>
  </si>
  <si>
    <t>24301395,98</t>
  </si>
  <si>
    <t>0,76</t>
  </si>
  <si>
    <t>5698604,02</t>
  </si>
  <si>
    <t>3838332,72</t>
  </si>
  <si>
    <t>0,24</t>
  </si>
  <si>
    <t>26161667,28</t>
  </si>
  <si>
    <t xml:space="preserve">      128 - FORMAÇÃO DE RECURSOS HUMANOS</t>
  </si>
  <si>
    <t>4032700,00</t>
  </si>
  <si>
    <t>2272671,45</t>
  </si>
  <si>
    <t>0,07</t>
  </si>
  <si>
    <t>1760028,55</t>
  </si>
  <si>
    <t>97324,41</t>
  </si>
  <si>
    <t>0,01</t>
  </si>
  <si>
    <t>3935375,59</t>
  </si>
  <si>
    <t xml:space="preserve">      131 - COMUNICAÇÃO SOCIAL</t>
  </si>
  <si>
    <t>3188100,00</t>
  </si>
  <si>
    <t>631444,07</t>
  </si>
  <si>
    <t>0,02</t>
  </si>
  <si>
    <t>2556655,93</t>
  </si>
  <si>
    <t>94981,21</t>
  </si>
  <si>
    <t>3093118,79</t>
  </si>
  <si>
    <t xml:space="preserve">      846 - OUTROS ENCARGOS ESPECIAIS</t>
  </si>
  <si>
    <t>632000,00</t>
  </si>
  <si>
    <t>101785,57</t>
  </si>
  <si>
    <t>530214,43</t>
  </si>
  <si>
    <t xml:space="preserve">   03 - ESSENCIAL A JUSTIÇA</t>
  </si>
  <si>
    <t>812025900,00</t>
  </si>
  <si>
    <t>810025700,00</t>
  </si>
  <si>
    <t>120413780,44</t>
  </si>
  <si>
    <t>3,78</t>
  </si>
  <si>
    <t>689611919,56</t>
  </si>
  <si>
    <t>94975334,17</t>
  </si>
  <si>
    <t>5,82</t>
  </si>
  <si>
    <t>715050365,83</t>
  </si>
  <si>
    <t xml:space="preserve">      091 - DEFESA DA ORDEM JURIDICA</t>
  </si>
  <si>
    <t>398943000,00</t>
  </si>
  <si>
    <t>397443000,00</t>
  </si>
  <si>
    <t>50771384,95</t>
  </si>
  <si>
    <t>1,59</t>
  </si>
  <si>
    <t>346671615,05</t>
  </si>
  <si>
    <t>43971584,99</t>
  </si>
  <si>
    <t>2,69</t>
  </si>
  <si>
    <t>353471415,01</t>
  </si>
  <si>
    <t xml:space="preserve">      092 - REPRESENTAÇÃO JUDICIAL E EXTRAJUDICIAL</t>
  </si>
  <si>
    <t>76442500,00</t>
  </si>
  <si>
    <t>76442300,00</t>
  </si>
  <si>
    <t>10434898,58</t>
  </si>
  <si>
    <t>0,33</t>
  </si>
  <si>
    <t>66007401,42</t>
  </si>
  <si>
    <t>8087002,71</t>
  </si>
  <si>
    <t>0,50</t>
  </si>
  <si>
    <t>68355297,29</t>
  </si>
  <si>
    <t>18890700,00</t>
  </si>
  <si>
    <t>2756703,30</t>
  </si>
  <si>
    <t>0,09</t>
  </si>
  <si>
    <t>16133996,70</t>
  </si>
  <si>
    <t>1188595,95</t>
  </si>
  <si>
    <t>17702104,05</t>
  </si>
  <si>
    <t>5420000,00</t>
  </si>
  <si>
    <t>1904737,54</t>
  </si>
  <si>
    <t>3515262,46</t>
  </si>
  <si>
    <t>1715050,95</t>
  </si>
  <si>
    <t>0,11</t>
  </si>
  <si>
    <t>3704949,05</t>
  </si>
  <si>
    <t xml:space="preserve">      422 - DIREITOS INDIVIDUAIS, COLETIVOS E DIFUSOS</t>
  </si>
  <si>
    <t>150902000,00</t>
  </si>
  <si>
    <t>150402000,00</t>
  </si>
  <si>
    <t>22956708,52</t>
  </si>
  <si>
    <t>0,72</t>
  </si>
  <si>
    <t>127445291,48</t>
  </si>
  <si>
    <t>22890376,95</t>
  </si>
  <si>
    <t>1,40</t>
  </si>
  <si>
    <t>127511623,05</t>
  </si>
  <si>
    <t>161427700,00</t>
  </si>
  <si>
    <t>31589347,55</t>
  </si>
  <si>
    <t>0,99</t>
  </si>
  <si>
    <t>129838352,45</t>
  </si>
  <si>
    <t>17122722,62</t>
  </si>
  <si>
    <t>1,05</t>
  </si>
  <si>
    <t>144304977,38</t>
  </si>
  <si>
    <t xml:space="preserve">   04 - ADMINISTRAÇÃO</t>
  </si>
  <si>
    <t>824082600,00</t>
  </si>
  <si>
    <t>796343991,42</t>
  </si>
  <si>
    <t>148076104,09</t>
  </si>
  <si>
    <t>4,63</t>
  </si>
  <si>
    <t>648267887,33</t>
  </si>
  <si>
    <t>117022177,86</t>
  </si>
  <si>
    <t>7,17</t>
  </si>
  <si>
    <t>679321813,56</t>
  </si>
  <si>
    <t>322388800,00</t>
  </si>
  <si>
    <t>308667416,04</t>
  </si>
  <si>
    <t>54460705,23</t>
  </si>
  <si>
    <t>1,70</t>
  </si>
  <si>
    <t>254206710,81</t>
  </si>
  <si>
    <t>37881637,84</t>
  </si>
  <si>
    <t>2,32</t>
  </si>
  <si>
    <t>270785778,20</t>
  </si>
  <si>
    <t xml:space="preserve">      123 - ADMINISTRAÇÃO FINANCEIRA</t>
  </si>
  <si>
    <t>488978400,00</t>
  </si>
  <si>
    <t>474981725,24</t>
  </si>
  <si>
    <t>91774021,38</t>
  </si>
  <si>
    <t>2,87</t>
  </si>
  <si>
    <t>383207703,86</t>
  </si>
  <si>
    <t>77351629,06</t>
  </si>
  <si>
    <t>4,74</t>
  </si>
  <si>
    <t>397630096,18</t>
  </si>
  <si>
    <t xml:space="preserve">      124 - CONTROLE INTERNO</t>
  </si>
  <si>
    <t>12681800,00</t>
  </si>
  <si>
    <t>12661250,14</t>
  </si>
  <si>
    <t>1832877,48</t>
  </si>
  <si>
    <t>10828372,66</t>
  </si>
  <si>
    <t>1788910,96</t>
  </si>
  <si>
    <t>10872339,18</t>
  </si>
  <si>
    <t xml:space="preserve">      663 - MINERAÇÃO</t>
  </si>
  <si>
    <t>33600,00</t>
  </si>
  <si>
    <t>8500,00</t>
  </si>
  <si>
    <t>25100,00</t>
  </si>
  <si>
    <t xml:space="preserve">   06 - SEGURANÇA PUBLICA</t>
  </si>
  <si>
    <t>1428899000,00</t>
  </si>
  <si>
    <t>1429627550,68</t>
  </si>
  <si>
    <t>219834456,22</t>
  </si>
  <si>
    <t>6,88</t>
  </si>
  <si>
    <t>1209793094,46</t>
  </si>
  <si>
    <t>173530349,09</t>
  </si>
  <si>
    <t>10,63</t>
  </si>
  <si>
    <t>1256097201,59</t>
  </si>
  <si>
    <t xml:space="preserve">      181 - POLICIAMENTO</t>
  </si>
  <si>
    <t>1428762700,00</t>
  </si>
  <si>
    <t>1429340220,68</t>
  </si>
  <si>
    <t>219801336,22</t>
  </si>
  <si>
    <t>1209538884,46</t>
  </si>
  <si>
    <t>1255809871,59</t>
  </si>
  <si>
    <t xml:space="preserve">      182 - DEFESA CIVIL</t>
  </si>
  <si>
    <t>136300,00</t>
  </si>
  <si>
    <t>287330,00</t>
  </si>
  <si>
    <t>33120,00</t>
  </si>
  <si>
    <t>254210,00</t>
  </si>
  <si>
    <t xml:space="preserve">      183 - INFORMAÇÃO E INTELIGÊNCIA</t>
  </si>
  <si>
    <t xml:space="preserve">   08 - ASSISTÊNCIA SOCIAL</t>
  </si>
  <si>
    <t>219106100,00</t>
  </si>
  <si>
    <t>26038113,97</t>
  </si>
  <si>
    <t>0,82</t>
  </si>
  <si>
    <t>193067986,03</t>
  </si>
  <si>
    <t>22106845,06</t>
  </si>
  <si>
    <t>1,35</t>
  </si>
  <si>
    <t>196999254,94</t>
  </si>
  <si>
    <t xml:space="preserve">      243 - ASSISTÊNCIA A CRIANÇA E AO ADOLESCENTE</t>
  </si>
  <si>
    <t>434400,00</t>
  </si>
  <si>
    <t xml:space="preserve">      244 - ASSISTÊNCIA COMUNITÁRIA</t>
  </si>
  <si>
    <t>196811900,00</t>
  </si>
  <si>
    <t>23637778,29</t>
  </si>
  <si>
    <t>0,74</t>
  </si>
  <si>
    <t>173174121,71</t>
  </si>
  <si>
    <t>20635816,33</t>
  </si>
  <si>
    <t>1,26</t>
  </si>
  <si>
    <t>176176083,67</t>
  </si>
  <si>
    <t xml:space="preserve">      364 - ENSINO SUPERIOR</t>
  </si>
  <si>
    <t>21670000,00</t>
  </si>
  <si>
    <t>2398627,29</t>
  </si>
  <si>
    <t>0,08</t>
  </si>
  <si>
    <t>19271372,71</t>
  </si>
  <si>
    <t>1469320,34</t>
  </si>
  <si>
    <t>20200679,66</t>
  </si>
  <si>
    <t>180200,00</t>
  </si>
  <si>
    <t xml:space="preserve">      843 - SERVICO DA DIVIDA INTERNA</t>
  </si>
  <si>
    <t>9600,00</t>
  </si>
  <si>
    <t>1708,39</t>
  </si>
  <si>
    <t>7891,61</t>
  </si>
  <si>
    <t xml:space="preserve">   09 - PREVIDÊNCIA SOCIAL</t>
  </si>
  <si>
    <t>2031482200,00</t>
  </si>
  <si>
    <t>2591088500,00</t>
  </si>
  <si>
    <t>551894869,84</t>
  </si>
  <si>
    <t>17,27</t>
  </si>
  <si>
    <t>2039193630,16</t>
  </si>
  <si>
    <t>417074557,14</t>
  </si>
  <si>
    <t>25,56</t>
  </si>
  <si>
    <t>2174013942,86</t>
  </si>
  <si>
    <t xml:space="preserve">      272 - PREVIDÊNCIA DO REGIME ESTATUTÁRIO</t>
  </si>
  <si>
    <t xml:space="preserve">   10 - SAÚDE</t>
  </si>
  <si>
    <t>1349544300,00</t>
  </si>
  <si>
    <t>1340437198,92</t>
  </si>
  <si>
    <t>209918649,83</t>
  </si>
  <si>
    <t>6,56</t>
  </si>
  <si>
    <t>1130518549,09</t>
  </si>
  <si>
    <t>108116315,56</t>
  </si>
  <si>
    <t>6,64</t>
  </si>
  <si>
    <t>1232320883,36</t>
  </si>
  <si>
    <t xml:space="preserve">      121 - PLANEJAMENTO E ORÇAMENTO</t>
  </si>
  <si>
    <t>518528800,00</t>
  </si>
  <si>
    <t>449240776,92</t>
  </si>
  <si>
    <t>98695962,07</t>
  </si>
  <si>
    <t>3,09</t>
  </si>
  <si>
    <t>350544814,85</t>
  </si>
  <si>
    <t>83639035,72</t>
  </si>
  <si>
    <t>5,13</t>
  </si>
  <si>
    <t>365601741,20</t>
  </si>
  <si>
    <t>5615000,00</t>
  </si>
  <si>
    <t>518580,49</t>
  </si>
  <si>
    <t>5096419,51</t>
  </si>
  <si>
    <t>546,88</t>
  </si>
  <si>
    <t>5614453,12</t>
  </si>
  <si>
    <t xml:space="preserve">      301 - ATENÇÃO BÁSICA</t>
  </si>
  <si>
    <t>91174200,00</t>
  </si>
  <si>
    <t>13769883,34</t>
  </si>
  <si>
    <t>0,43</t>
  </si>
  <si>
    <t>77404316,66</t>
  </si>
  <si>
    <t>5152973,83</t>
  </si>
  <si>
    <t>0,32</t>
  </si>
  <si>
    <t>86021226,17</t>
  </si>
  <si>
    <t xml:space="preserve">      302 - ASSISTÊNCIA HOSPITALAR E AMBULATORIAL</t>
  </si>
  <si>
    <t>608802000,00</t>
  </si>
  <si>
    <t>658277922,00</t>
  </si>
  <si>
    <t>85074117,03</t>
  </si>
  <si>
    <t>2,66</t>
  </si>
  <si>
    <t>573203804,97</t>
  </si>
  <si>
    <t>15981901,23</t>
  </si>
  <si>
    <t>0,98</t>
  </si>
  <si>
    <t>642296020,77</t>
  </si>
  <si>
    <t xml:space="preserve">      303 - SUPORTE PROFILÁTICO E TERAPÊUTICO</t>
  </si>
  <si>
    <t>83871600,00</t>
  </si>
  <si>
    <t>94346600,00</t>
  </si>
  <si>
    <t>8357355,51</t>
  </si>
  <si>
    <t>0,26</t>
  </si>
  <si>
    <t>85989244,49</t>
  </si>
  <si>
    <t>2786249,75</t>
  </si>
  <si>
    <t>0,17</t>
  </si>
  <si>
    <t>91560350,25</t>
  </si>
  <si>
    <t xml:space="preserve">      304 - VIGILÂNCIA SANITÁRIA</t>
  </si>
  <si>
    <t xml:space="preserve">      305 - VIGILANCIA EPIDEMIOLÓGICA</t>
  </si>
  <si>
    <t>30607900,00</t>
  </si>
  <si>
    <t>2625370,95</t>
  </si>
  <si>
    <t>27982529,05</t>
  </si>
  <si>
    <t>113678,15</t>
  </si>
  <si>
    <t>30494221,85</t>
  </si>
  <si>
    <t xml:space="preserve">      306 - ALIMENTAÇÃO E NUTRIÇÃO</t>
  </si>
  <si>
    <t xml:space="preserve">      331 - PROTEÇÃO E BENEFÍCIOS AO TRABALHADOR</t>
  </si>
  <si>
    <t>1312500,00</t>
  </si>
  <si>
    <t>1542500,00</t>
  </si>
  <si>
    <t>38877,13</t>
  </si>
  <si>
    <t>1503622,87</t>
  </si>
  <si>
    <t>1420,82</t>
  </si>
  <si>
    <t>1541079,18</t>
  </si>
  <si>
    <t xml:space="preserve">      363 - ENSINO PROFISSIONAL</t>
  </si>
  <si>
    <t>787200,00</t>
  </si>
  <si>
    <t>27400,00</t>
  </si>
  <si>
    <t>759800,00</t>
  </si>
  <si>
    <t>419,27</t>
  </si>
  <si>
    <t>786780,73</t>
  </si>
  <si>
    <t xml:space="preserve">      511 - SANEAMENTO BÁSICO RURAL</t>
  </si>
  <si>
    <t>4700000,00</t>
  </si>
  <si>
    <t>371013,40</t>
  </si>
  <si>
    <t>4328986,60</t>
  </si>
  <si>
    <t xml:space="preserve">      572 - DESENVOLVIMENTO TECNOLÓGICO E ENGENHARIA</t>
  </si>
  <si>
    <t>4145100,00</t>
  </si>
  <si>
    <t>440089,91</t>
  </si>
  <si>
    <t>3705010,09</t>
  </si>
  <si>
    <t>0,03</t>
  </si>
  <si>
    <t xml:space="preserve">   11 - TRABALHO</t>
  </si>
  <si>
    <t>20956100,00</t>
  </si>
  <si>
    <t>1436872,33</t>
  </si>
  <si>
    <t>0,04</t>
  </si>
  <si>
    <t>19519227,67</t>
  </si>
  <si>
    <t>987876,76</t>
  </si>
  <si>
    <t>19968223,24</t>
  </si>
  <si>
    <t>7799600,00</t>
  </si>
  <si>
    <t>1388318,83</t>
  </si>
  <si>
    <t>6411281,17</t>
  </si>
  <si>
    <t>972132,62</t>
  </si>
  <si>
    <t>6827467,38</t>
  </si>
  <si>
    <t xml:space="preserve">      334 - FOMENTO AO TRABALHO</t>
  </si>
  <si>
    <t>13101400,00</t>
  </si>
  <si>
    <t>39050,00</t>
  </si>
  <si>
    <t>13062350,00</t>
  </si>
  <si>
    <t>6344,00</t>
  </si>
  <si>
    <t>13095056,00</t>
  </si>
  <si>
    <t>55100,00</t>
  </si>
  <si>
    <t>9503,50</t>
  </si>
  <si>
    <t>45596,50</t>
  </si>
  <si>
    <t>9400,14</t>
  </si>
  <si>
    <t>45699,86</t>
  </si>
  <si>
    <t xml:space="preserve">   12 - EDUCAÇÃO</t>
  </si>
  <si>
    <t>1580410900,00</t>
  </si>
  <si>
    <t>1587180446,65</t>
  </si>
  <si>
    <t>296773277,69</t>
  </si>
  <si>
    <t>9,27</t>
  </si>
  <si>
    <t>1290407168,96</t>
  </si>
  <si>
    <t>207626887,54</t>
  </si>
  <si>
    <t>12,74</t>
  </si>
  <si>
    <t>1379553559,11</t>
  </si>
  <si>
    <t>1291019700,00</t>
  </si>
  <si>
    <t>1297637546,65</t>
  </si>
  <si>
    <t>237301453,08</t>
  </si>
  <si>
    <t>7,43</t>
  </si>
  <si>
    <t>1060336093,57</t>
  </si>
  <si>
    <t>186781869,17</t>
  </si>
  <si>
    <t>11,45</t>
  </si>
  <si>
    <t>1110855677,48</t>
  </si>
  <si>
    <t xml:space="preserve">      361 - ENSINO FUNDAMENTAL</t>
  </si>
  <si>
    <t>19585000,00</t>
  </si>
  <si>
    <t>4584519,70</t>
  </si>
  <si>
    <t>0,14</t>
  </si>
  <si>
    <t>15000480,30</t>
  </si>
  <si>
    <t>84567,60</t>
  </si>
  <si>
    <t>19500432,40</t>
  </si>
  <si>
    <t xml:space="preserve">      362 - ENSINO MÉDIO</t>
  </si>
  <si>
    <t>17683000,00</t>
  </si>
  <si>
    <t>5562834,00</t>
  </si>
  <si>
    <t>12120166,00</t>
  </si>
  <si>
    <t>24089000,00</t>
  </si>
  <si>
    <t>13121678,64</t>
  </si>
  <si>
    <t>0,41</t>
  </si>
  <si>
    <t>10967321,36</t>
  </si>
  <si>
    <t>595248,06</t>
  </si>
  <si>
    <t>23493751,94</t>
  </si>
  <si>
    <t>18282800,00</t>
  </si>
  <si>
    <t>18434500,00</t>
  </si>
  <si>
    <t>907924,31</t>
  </si>
  <si>
    <t>17526575,69</t>
  </si>
  <si>
    <t>528086,88</t>
  </si>
  <si>
    <t>17906413,12</t>
  </si>
  <si>
    <t xml:space="preserve">      365 - EDUCAÇÃO INFANTIL</t>
  </si>
  <si>
    <t>900000,00</t>
  </si>
  <si>
    <t xml:space="preserve">      366 - EDUCAÇÃO DE JOVENS E ADULTOS</t>
  </si>
  <si>
    <t>2400000,00</t>
  </si>
  <si>
    <t>68214,75</t>
  </si>
  <si>
    <t>2331785,25</t>
  </si>
  <si>
    <t>1360,40</t>
  </si>
  <si>
    <t>2398639,60</t>
  </si>
  <si>
    <t xml:space="preserve">      367 - EDUCAÇÃO ESPECIAL</t>
  </si>
  <si>
    <t>13462800,00</t>
  </si>
  <si>
    <t>56655,98</t>
  </si>
  <si>
    <t>13406144,02</t>
  </si>
  <si>
    <t>46414,48</t>
  </si>
  <si>
    <t>13416385,52</t>
  </si>
  <si>
    <t xml:space="preserve">      368 - EDUCAÇÃO BÁSICA</t>
  </si>
  <si>
    <t>179526700,00</t>
  </si>
  <si>
    <t>33391371,71</t>
  </si>
  <si>
    <t>1,04</t>
  </si>
  <si>
    <t>146135328,29</t>
  </si>
  <si>
    <t>18060419,81</t>
  </si>
  <si>
    <t>1,11</t>
  </si>
  <si>
    <t>161466280,19</t>
  </si>
  <si>
    <t xml:space="preserve">      571 - DESENVOLVIMENTO CIENTIFICO</t>
  </si>
  <si>
    <t>3407000,00</t>
  </si>
  <si>
    <t>695599,40</t>
  </si>
  <si>
    <t>2711400,60</t>
  </si>
  <si>
    <t>450319,40</t>
  </si>
  <si>
    <t>2956680,60</t>
  </si>
  <si>
    <t xml:space="preserve">      573 - DIFUSÃO DO CONHECIMENTO CIENTIFICO E TECNOLÓGICO</t>
  </si>
  <si>
    <t>10054900,00</t>
  </si>
  <si>
    <t>1083026,12</t>
  </si>
  <si>
    <t>8971873,88</t>
  </si>
  <si>
    <t>1078601,74</t>
  </si>
  <si>
    <t>8976298,26</t>
  </si>
  <si>
    <t xml:space="preserve">   13 - CULTURA</t>
  </si>
  <si>
    <t>36371900,00</t>
  </si>
  <si>
    <t>4285806,86</t>
  </si>
  <si>
    <t>0,13</t>
  </si>
  <si>
    <t>32086093,14</t>
  </si>
  <si>
    <t>3790324,82</t>
  </si>
  <si>
    <t>0,23</t>
  </si>
  <si>
    <t>32581575,18</t>
  </si>
  <si>
    <t xml:space="preserve">      392 - DIFUSÃO CULTURAL</t>
  </si>
  <si>
    <t>36361500,00</t>
  </si>
  <si>
    <t>4284037,33</t>
  </si>
  <si>
    <t>32077462,67</t>
  </si>
  <si>
    <t>3788558,14</t>
  </si>
  <si>
    <t>32572941,86</t>
  </si>
  <si>
    <t>10400,00</t>
  </si>
  <si>
    <t>1769,53</t>
  </si>
  <si>
    <t>8630,47</t>
  </si>
  <si>
    <t>1766,68</t>
  </si>
  <si>
    <t>8633,32</t>
  </si>
  <si>
    <t xml:space="preserve">   14 - DIREITOS DA CIDADANIA</t>
  </si>
  <si>
    <t>316880900,00</t>
  </si>
  <si>
    <t>316828228,00</t>
  </si>
  <si>
    <t>52841405,99</t>
  </si>
  <si>
    <t>1,66</t>
  </si>
  <si>
    <t>263986822,01</t>
  </si>
  <si>
    <t>37416442,36</t>
  </si>
  <si>
    <t>2,30</t>
  </si>
  <si>
    <t>279411785,64</t>
  </si>
  <si>
    <t xml:space="preserve">      130 - ADMINISTRAÇÃO DE CONCESSÕES</t>
  </si>
  <si>
    <t>9395100,00</t>
  </si>
  <si>
    <t>9357488,00</t>
  </si>
  <si>
    <t>1587602,05</t>
  </si>
  <si>
    <t>0,05</t>
  </si>
  <si>
    <t>7769885,95</t>
  </si>
  <si>
    <t>1419905,20</t>
  </si>
  <si>
    <t>7937582,80</t>
  </si>
  <si>
    <t xml:space="preserve">      421 - CUSTODIA E REINTEGRAÇÃO SOCIAL</t>
  </si>
  <si>
    <t>299313300,00</t>
  </si>
  <si>
    <t>299298240,00</t>
  </si>
  <si>
    <t>51013148,85</t>
  </si>
  <si>
    <t>1,60</t>
  </si>
  <si>
    <t>248285091,15</t>
  </si>
  <si>
    <t>35865171,06</t>
  </si>
  <si>
    <t>2,20</t>
  </si>
  <si>
    <t>263433068,94</t>
  </si>
  <si>
    <t>7672500,00</t>
  </si>
  <si>
    <t>240655,09</t>
  </si>
  <si>
    <t>7431844,91</t>
  </si>
  <si>
    <t>131366,10</t>
  </si>
  <si>
    <t>7541133,90</t>
  </si>
  <si>
    <t xml:space="preserve">      423 - ASSISTÊNCIA AOS POVOS INDÍGENAS</t>
  </si>
  <si>
    <t>500000,00</t>
  </si>
  <si>
    <t xml:space="preserve">   15 - URBANISMO</t>
  </si>
  <si>
    <t>17446100,00</t>
  </si>
  <si>
    <t>34820879,00</t>
  </si>
  <si>
    <t>3832930,90</t>
  </si>
  <si>
    <t>0,12</t>
  </si>
  <si>
    <t>30987948,10</t>
  </si>
  <si>
    <t xml:space="preserve">      451 - INFRAESTRUTURA URBANA</t>
  </si>
  <si>
    <t xml:space="preserve">   16 - HABITAÇÃO</t>
  </si>
  <si>
    <t>64929400,00</t>
  </si>
  <si>
    <t>68935900,00</t>
  </si>
  <si>
    <t>16669983,53</t>
  </si>
  <si>
    <t>0,52</t>
  </si>
  <si>
    <t>52265916,47</t>
  </si>
  <si>
    <t>3790284,22</t>
  </si>
  <si>
    <t>65145615,78</t>
  </si>
  <si>
    <t>12685500,00</t>
  </si>
  <si>
    <t>12604980,00</t>
  </si>
  <si>
    <t>2294933,81</t>
  </si>
  <si>
    <t>10310046,19</t>
  </si>
  <si>
    <t>1606269,94</t>
  </si>
  <si>
    <t>0,10</t>
  </si>
  <si>
    <t>10998710,06</t>
  </si>
  <si>
    <t>1000,00</t>
  </si>
  <si>
    <t xml:space="preserve">      482 - HABITAÇÃO URBANA</t>
  </si>
  <si>
    <t>52242900,00</t>
  </si>
  <si>
    <t>56329920,00</t>
  </si>
  <si>
    <t>14375049,72</t>
  </si>
  <si>
    <t>0,45</t>
  </si>
  <si>
    <t>41954870,28</t>
  </si>
  <si>
    <t>2184014,28</t>
  </si>
  <si>
    <t>54145905,72</t>
  </si>
  <si>
    <t xml:space="preserve">   17 - SANEAMENTO</t>
  </si>
  <si>
    <t>130995900,00</t>
  </si>
  <si>
    <t>132049665,00</t>
  </si>
  <si>
    <t>21843970,18</t>
  </si>
  <si>
    <t>0,68</t>
  </si>
  <si>
    <t>110205694,82</t>
  </si>
  <si>
    <t>1970132,13</t>
  </si>
  <si>
    <t>130079532,87</t>
  </si>
  <si>
    <t xml:space="preserve">      512 - SANEAMENTO BÁSICO URBANO</t>
  </si>
  <si>
    <t xml:space="preserve">   18 - GESTÃO AMBIENTAL</t>
  </si>
  <si>
    <t>107915300,00</t>
  </si>
  <si>
    <t>107901632,56</t>
  </si>
  <si>
    <t>15197157,57</t>
  </si>
  <si>
    <t>0,48</t>
  </si>
  <si>
    <t>92704474,99</t>
  </si>
  <si>
    <t>4618320,05</t>
  </si>
  <si>
    <t>0,28</t>
  </si>
  <si>
    <t>103283312,51</t>
  </si>
  <si>
    <t>47764600,00</t>
  </si>
  <si>
    <t>47750932,56</t>
  </si>
  <si>
    <t>4653177,05</t>
  </si>
  <si>
    <t>0,15</t>
  </si>
  <si>
    <t>43097755,51</t>
  </si>
  <si>
    <t>3947031,91</t>
  </si>
  <si>
    <t>43803900,65</t>
  </si>
  <si>
    <t xml:space="preserve">      541 - PRESERVAÇÃO E CONSERVAÇÃO AMBIENTAL</t>
  </si>
  <si>
    <t>38663500,00</t>
  </si>
  <si>
    <t>8565795,79</t>
  </si>
  <si>
    <t>0,27</t>
  </si>
  <si>
    <t>30097704,21</t>
  </si>
  <si>
    <t>195472,46</t>
  </si>
  <si>
    <t>38468027,54</t>
  </si>
  <si>
    <t xml:space="preserve">      542 - CONTROLE AMBIENTAL</t>
  </si>
  <si>
    <t>19502200,00</t>
  </si>
  <si>
    <t>1914378,73</t>
  </si>
  <si>
    <t>17587821,27</t>
  </si>
  <si>
    <t>417743,32</t>
  </si>
  <si>
    <t>19084456,68</t>
  </si>
  <si>
    <t xml:space="preserve">      544 - RECURSOS HÍDRICOS</t>
  </si>
  <si>
    <t>1485000,00</t>
  </si>
  <si>
    <t>63806,00</t>
  </si>
  <si>
    <t>1421194,00</t>
  </si>
  <si>
    <t>58072,36</t>
  </si>
  <si>
    <t>1426927,64</t>
  </si>
  <si>
    <t xml:space="preserve">      545 - METEOROLOGIA</t>
  </si>
  <si>
    <t xml:space="preserve">   19 - CIÊNCIA E TECNOLOGIA</t>
  </si>
  <si>
    <t>22323900,00</t>
  </si>
  <si>
    <t>41174800,00</t>
  </si>
  <si>
    <t>1731044,74</t>
  </si>
  <si>
    <t>39443755,26</t>
  </si>
  <si>
    <t>1631523,12</t>
  </si>
  <si>
    <t>39543276,88</t>
  </si>
  <si>
    <t>2200200,00</t>
  </si>
  <si>
    <t>1638700,00</t>
  </si>
  <si>
    <t>14493600,00</t>
  </si>
  <si>
    <t>33367400,00</t>
  </si>
  <si>
    <t>1723044,74</t>
  </si>
  <si>
    <t>31644355,26</t>
  </si>
  <si>
    <t>1629944,74</t>
  </si>
  <si>
    <t>31737455,26</t>
  </si>
  <si>
    <t>5630100,00</t>
  </si>
  <si>
    <t>6168700,00</t>
  </si>
  <si>
    <t>8000,00</t>
  </si>
  <si>
    <t>6160700,00</t>
  </si>
  <si>
    <t>1578,38</t>
  </si>
  <si>
    <t>6167121,62</t>
  </si>
  <si>
    <t xml:space="preserve">   20 - AGRICULTURA</t>
  </si>
  <si>
    <t>201256600,00</t>
  </si>
  <si>
    <t>201509200,00</t>
  </si>
  <si>
    <t>22602900,31</t>
  </si>
  <si>
    <t>178906299,69</t>
  </si>
  <si>
    <t>18559277,09</t>
  </si>
  <si>
    <t>1,14</t>
  </si>
  <si>
    <t>182949922,91</t>
  </si>
  <si>
    <t>120027700,00</t>
  </si>
  <si>
    <t>118565720,00</t>
  </si>
  <si>
    <t>16140787,45</t>
  </si>
  <si>
    <t>0,51</t>
  </si>
  <si>
    <t>102424932,55</t>
  </si>
  <si>
    <t>15054317,37</t>
  </si>
  <si>
    <t>0,92</t>
  </si>
  <si>
    <t>103511402,63</t>
  </si>
  <si>
    <t>100,00</t>
  </si>
  <si>
    <t>1325700,00</t>
  </si>
  <si>
    <t>195600,00</t>
  </si>
  <si>
    <t>153661,45</t>
  </si>
  <si>
    <t>41938,55</t>
  </si>
  <si>
    <t>2460600,00</t>
  </si>
  <si>
    <t>2460300,00</t>
  </si>
  <si>
    <t>2451800,00</t>
  </si>
  <si>
    <t>1979,41</t>
  </si>
  <si>
    <t>2458320,59</t>
  </si>
  <si>
    <t xml:space="preserve">      604 - DEFESA SANITÃRIA ANIMAL</t>
  </si>
  <si>
    <t>2250700,00</t>
  </si>
  <si>
    <t xml:space="preserve">      606 - EXTENSÃO RURAL</t>
  </si>
  <si>
    <t>49834100,00</t>
  </si>
  <si>
    <t>51353480,00</t>
  </si>
  <si>
    <t>2025723,41</t>
  </si>
  <si>
    <t>49327756,59</t>
  </si>
  <si>
    <t>489277,89</t>
  </si>
  <si>
    <t>50864202,11</t>
  </si>
  <si>
    <t xml:space="preserve">      607 - IRRIGAÇÃO</t>
  </si>
  <si>
    <t xml:space="preserve">      608 - PROMOÇÃO DA PRODUÇÃO AGROPECUÁRIA</t>
  </si>
  <si>
    <t>7193400,00</t>
  </si>
  <si>
    <t>2189491,95</t>
  </si>
  <si>
    <t>5003908,05</t>
  </si>
  <si>
    <t>2048624,48</t>
  </si>
  <si>
    <t>5144775,52</t>
  </si>
  <si>
    <t xml:space="preserve">      609 - DEFESA AGROPECUÁRIA</t>
  </si>
  <si>
    <t>18163900,00</t>
  </si>
  <si>
    <t>2084736,05</t>
  </si>
  <si>
    <t>16079163,95</t>
  </si>
  <si>
    <t>965077,94</t>
  </si>
  <si>
    <t>17198822,06</t>
  </si>
  <si>
    <t xml:space="preserve">      691 - PROMOÇÃO COMERCIAL</t>
  </si>
  <si>
    <t xml:space="preserve">   21 - ORGANIZAÇÃO AGRARIA</t>
  </si>
  <si>
    <t>2751500,00</t>
  </si>
  <si>
    <t>2401300,00</t>
  </si>
  <si>
    <t>149173,92</t>
  </si>
  <si>
    <t>2252126,08</t>
  </si>
  <si>
    <t>83881,18</t>
  </si>
  <si>
    <t>2317418,82</t>
  </si>
  <si>
    <t xml:space="preserve">      631 - REFORMA AGRÁRIA</t>
  </si>
  <si>
    <t xml:space="preserve">   22 - INDUSTRIA</t>
  </si>
  <si>
    <t>20683400,00</t>
  </si>
  <si>
    <t>3998885,40</t>
  </si>
  <si>
    <t>16684514,60</t>
  </si>
  <si>
    <t>1203869,96</t>
  </si>
  <si>
    <t>19479530,04</t>
  </si>
  <si>
    <t xml:space="preserve">      661 - PROMOÇÃO INDUSTRIAL</t>
  </si>
  <si>
    <t xml:space="preserve">   23 - COMÉRCIO E SERVIÇOS</t>
  </si>
  <si>
    <t>38859700,00</t>
  </si>
  <si>
    <t>38702600,00</t>
  </si>
  <si>
    <t>4350572,86</t>
  </si>
  <si>
    <t>34352027,14</t>
  </si>
  <si>
    <t>3378234,80</t>
  </si>
  <si>
    <t>0,21</t>
  </si>
  <si>
    <t>35324365,20</t>
  </si>
  <si>
    <t>1547400,00</t>
  </si>
  <si>
    <t xml:space="preserve">      665 - NORMALIZAÇÃO E QUALIDADE</t>
  </si>
  <si>
    <t>17383100,00</t>
  </si>
  <si>
    <t>17373700,00</t>
  </si>
  <si>
    <t>1889912,89</t>
  </si>
  <si>
    <t>15483787,11</t>
  </si>
  <si>
    <t>1445957,93</t>
  </si>
  <si>
    <t>15927742,07</t>
  </si>
  <si>
    <t xml:space="preserve">      692 - COMERCIALIZAÇÃO</t>
  </si>
  <si>
    <t>9526900,00</t>
  </si>
  <si>
    <t>1551853,41</t>
  </si>
  <si>
    <t>7975046,59</t>
  </si>
  <si>
    <t>1335512,42</t>
  </si>
  <si>
    <t>8191387,58</t>
  </si>
  <si>
    <t xml:space="preserve">      695 - TURISMO</t>
  </si>
  <si>
    <t>10402200,00</t>
  </si>
  <si>
    <t>10254500,00</t>
  </si>
  <si>
    <t>908806,56</t>
  </si>
  <si>
    <t>9345693,44</t>
  </si>
  <si>
    <t>596764,45</t>
  </si>
  <si>
    <t>9657735,55</t>
  </si>
  <si>
    <t xml:space="preserve">   24 - COMUNICAÇÃO</t>
  </si>
  <si>
    <t xml:space="preserve">   25 - ENERGIA</t>
  </si>
  <si>
    <t>300000,00</t>
  </si>
  <si>
    <t xml:space="preserve">      751 - CONSERVAÇÃO DE ENERGIA</t>
  </si>
  <si>
    <t>100000,00</t>
  </si>
  <si>
    <t xml:space="preserve">      752 - ENERGIA ELETRICA</t>
  </si>
  <si>
    <t>200000,00</t>
  </si>
  <si>
    <t xml:space="preserve">   26 - TRANSPORTE</t>
  </si>
  <si>
    <t>826793900,00</t>
  </si>
  <si>
    <t>802774776,00</t>
  </si>
  <si>
    <t>378897024,42</t>
  </si>
  <si>
    <t>11,86</t>
  </si>
  <si>
    <t>423877751,58</t>
  </si>
  <si>
    <t>123397792,83</t>
  </si>
  <si>
    <t>7,56</t>
  </si>
  <si>
    <t>679376983,17</t>
  </si>
  <si>
    <t>96542200,00</t>
  </si>
  <si>
    <t>95475735,00</t>
  </si>
  <si>
    <t>13268885,08</t>
  </si>
  <si>
    <t>0,42</t>
  </si>
  <si>
    <t>82206849,92</t>
  </si>
  <si>
    <t>10084916,18</t>
  </si>
  <si>
    <t>0,62</t>
  </si>
  <si>
    <t>85390818,82</t>
  </si>
  <si>
    <t xml:space="preserve">      781 - TRANSPORTE AÉREO</t>
  </si>
  <si>
    <t>1180000,00</t>
  </si>
  <si>
    <t xml:space="preserve">      782 - TRANSPORTE RODOVIÁRIO</t>
  </si>
  <si>
    <t>726971700,00</t>
  </si>
  <si>
    <t>704019041,00</t>
  </si>
  <si>
    <t>365628139,34</t>
  </si>
  <si>
    <t>11,44</t>
  </si>
  <si>
    <t>338390901,66</t>
  </si>
  <si>
    <t>113312876,65</t>
  </si>
  <si>
    <t>6,94</t>
  </si>
  <si>
    <t>590706164,35</t>
  </si>
  <si>
    <t xml:space="preserve">      783 - TRANSPORTE FERROVIÁRIO</t>
  </si>
  <si>
    <t>1100000,00</t>
  </si>
  <si>
    <t xml:space="preserve">      784 - TRANSPORTE HIDROVIARIO</t>
  </si>
  <si>
    <t>1000000,00</t>
  </si>
  <si>
    <t xml:space="preserve">   27 - DESPORTO E LAZER</t>
  </si>
  <si>
    <t>51823500,00</t>
  </si>
  <si>
    <t>51723500,00</t>
  </si>
  <si>
    <t>1640436,40</t>
  </si>
  <si>
    <t>50083063,60</t>
  </si>
  <si>
    <t>1049862,75</t>
  </si>
  <si>
    <t>50673637,25</t>
  </si>
  <si>
    <t xml:space="preserve">      811 - DESPORTO DE RENDIMENTO</t>
  </si>
  <si>
    <t>8650300,00</t>
  </si>
  <si>
    <t>124593,25</t>
  </si>
  <si>
    <t>8525706,75</t>
  </si>
  <si>
    <t>59044,81</t>
  </si>
  <si>
    <t>8591255,19</t>
  </si>
  <si>
    <t xml:space="preserve">      812 - DESPORTO COMUNITARIO</t>
  </si>
  <si>
    <t>43173200,00</t>
  </si>
  <si>
    <t>43073200,00</t>
  </si>
  <si>
    <t>1515843,15</t>
  </si>
  <si>
    <t>41557356,85</t>
  </si>
  <si>
    <t>990817,94</t>
  </si>
  <si>
    <t>42082382,06</t>
  </si>
  <si>
    <t xml:space="preserve">   28 - ENCARGOS ESPECIAIS</t>
  </si>
  <si>
    <t>874062500,00</t>
  </si>
  <si>
    <t>881436500,00</t>
  </si>
  <si>
    <t>110427306,06</t>
  </si>
  <si>
    <t>3,45</t>
  </si>
  <si>
    <t>771009193,94</t>
  </si>
  <si>
    <t>109063297,55</t>
  </si>
  <si>
    <t>6,68</t>
  </si>
  <si>
    <t>772373202,45</t>
  </si>
  <si>
    <t xml:space="preserve">      841 - REFINANCIAMENTO DA DIVIDA INTERNA</t>
  </si>
  <si>
    <t>447436200,00</t>
  </si>
  <si>
    <t>454808200,00</t>
  </si>
  <si>
    <t>59892589,10</t>
  </si>
  <si>
    <t>1,87</t>
  </si>
  <si>
    <t>394915610,90</t>
  </si>
  <si>
    <t>59274409,92</t>
  </si>
  <si>
    <t>3,63</t>
  </si>
  <si>
    <t>395533790,08</t>
  </si>
  <si>
    <t>162656100,00</t>
  </si>
  <si>
    <t>30306510,86</t>
  </si>
  <si>
    <t>0,95</t>
  </si>
  <si>
    <t>132349589,14</t>
  </si>
  <si>
    <t>30262099,48</t>
  </si>
  <si>
    <t>1,85</t>
  </si>
  <si>
    <t>132394000,52</t>
  </si>
  <si>
    <t xml:space="preserve">      844 - SERVICO DA DIVIDA EXTERNA</t>
  </si>
  <si>
    <t>37650000,00</t>
  </si>
  <si>
    <t xml:space="preserve">      845 - OUTRAS TRANSFERÊNCIAS</t>
  </si>
  <si>
    <t>33000000,00</t>
  </si>
  <si>
    <t>5500000,00</t>
  </si>
  <si>
    <t>27500000,00</t>
  </si>
  <si>
    <t>0,34</t>
  </si>
  <si>
    <t>193320200,00</t>
  </si>
  <si>
    <t>193322200,00</t>
  </si>
  <si>
    <t>14728206,10</t>
  </si>
  <si>
    <t>0,46</t>
  </si>
  <si>
    <t>178593993,90</t>
  </si>
  <si>
    <t>14026788,15</t>
  </si>
  <si>
    <t>0,86</t>
  </si>
  <si>
    <t>179295411,85</t>
  </si>
  <si>
    <t xml:space="preserve">   99 - RESERVA DE CONTINGENCIA</t>
  </si>
  <si>
    <t xml:space="preserve">      997 - RESERVA DO RPPS</t>
  </si>
  <si>
    <t xml:space="preserve">      999 - RESERVA DE CONTINGENCIA</t>
  </si>
  <si>
    <t>115917600,00</t>
  </si>
  <si>
    <t>DESPESAS INTRA-ORÇAMENTÁRIA</t>
  </si>
  <si>
    <t>100,01</t>
  </si>
  <si>
    <t>81780300,00</t>
  </si>
  <si>
    <t>85780300,00</t>
  </si>
  <si>
    <t>13479918,44</t>
  </si>
  <si>
    <t>6,14</t>
  </si>
  <si>
    <t>72300381,56</t>
  </si>
  <si>
    <t>6,84</t>
  </si>
  <si>
    <t>42280300,00</t>
  </si>
  <si>
    <t>46280300,00</t>
  </si>
  <si>
    <t>6230184,82</t>
  </si>
  <si>
    <t>2,84</t>
  </si>
  <si>
    <t>40050115,18</t>
  </si>
  <si>
    <t>3,16</t>
  </si>
  <si>
    <t>39500000,00</t>
  </si>
  <si>
    <t>7249733,62</t>
  </si>
  <si>
    <t>3,30</t>
  </si>
  <si>
    <t>32250266,38</t>
  </si>
  <si>
    <t>3,68</t>
  </si>
  <si>
    <t>122430000,00</t>
  </si>
  <si>
    <t>151699000,00</t>
  </si>
  <si>
    <t>8967970,30</t>
  </si>
  <si>
    <t>4,08</t>
  </si>
  <si>
    <t>142731029,70</t>
  </si>
  <si>
    <t>8965966,85</t>
  </si>
  <si>
    <t>4,55</t>
  </si>
  <si>
    <t>142733033,15</t>
  </si>
  <si>
    <t>87620700,00</t>
  </si>
  <si>
    <t>89620900,00</t>
  </si>
  <si>
    <t>12216862,28</t>
  </si>
  <si>
    <t>5,57</t>
  </si>
  <si>
    <t>77404037,72</t>
  </si>
  <si>
    <t>11896518,99</t>
  </si>
  <si>
    <t>6,05</t>
  </si>
  <si>
    <t>77724381,01</t>
  </si>
  <si>
    <t>41772000,00</t>
  </si>
  <si>
    <t>43272000,00</t>
  </si>
  <si>
    <t>5661336,19</t>
  </si>
  <si>
    <t>2,58</t>
  </si>
  <si>
    <t>37610663,81</t>
  </si>
  <si>
    <t>5661306,19</t>
  </si>
  <si>
    <t>2,88</t>
  </si>
  <si>
    <t>37610693,81</t>
  </si>
  <si>
    <t>11575700,00</t>
  </si>
  <si>
    <t>11575900,00</t>
  </si>
  <si>
    <t>2341638,77</t>
  </si>
  <si>
    <t>1,07</t>
  </si>
  <si>
    <t>9234261,23</t>
  </si>
  <si>
    <t>2021325,48</t>
  </si>
  <si>
    <t>1,03</t>
  </si>
  <si>
    <t>9554574,52</t>
  </si>
  <si>
    <t>175000,00</t>
  </si>
  <si>
    <t>34098000,00</t>
  </si>
  <si>
    <t>34598000,00</t>
  </si>
  <si>
    <t>4213887,32</t>
  </si>
  <si>
    <t>1,92</t>
  </si>
  <si>
    <t>30384112,68</t>
  </si>
  <si>
    <t>2,14</t>
  </si>
  <si>
    <t>265456800,00</t>
  </si>
  <si>
    <t>279886206,58</t>
  </si>
  <si>
    <t>3766726,47</t>
  </si>
  <si>
    <t>1,71</t>
  </si>
  <si>
    <t>276119480,11</t>
  </si>
  <si>
    <t>3396701,69</t>
  </si>
  <si>
    <t>1,73</t>
  </si>
  <si>
    <t>276489504,89</t>
  </si>
  <si>
    <t>22362400,00</t>
  </si>
  <si>
    <t>22774581,96</t>
  </si>
  <si>
    <t>3195153,07</t>
  </si>
  <si>
    <t>1,45</t>
  </si>
  <si>
    <t>19579428,89</t>
  </si>
  <si>
    <t>2825128,29</t>
  </si>
  <si>
    <t>1,44</t>
  </si>
  <si>
    <t>19949453,67</t>
  </si>
  <si>
    <t>240754400,00</t>
  </si>
  <si>
    <t>254751074,76</t>
  </si>
  <si>
    <t>197383,46</t>
  </si>
  <si>
    <t>254553691,30</t>
  </si>
  <si>
    <t>2340000,00</t>
  </si>
  <si>
    <t>2360549,86</t>
  </si>
  <si>
    <t>374189,94</t>
  </si>
  <si>
    <t>1986359,92</t>
  </si>
  <si>
    <t>0,19</t>
  </si>
  <si>
    <t>295514300,00</t>
  </si>
  <si>
    <t>294800809,32</t>
  </si>
  <si>
    <t>51038852,66</t>
  </si>
  <si>
    <t>23,23</t>
  </si>
  <si>
    <t>243761956,66</t>
  </si>
  <si>
    <t>50076287,52</t>
  </si>
  <si>
    <t>25,44</t>
  </si>
  <si>
    <t>244724521,80</t>
  </si>
  <si>
    <t>7035700,00</t>
  </si>
  <si>
    <t>1078240,90</t>
  </si>
  <si>
    <t>0,49</t>
  </si>
  <si>
    <t>5957459,10</t>
  </si>
  <si>
    <t>0,55</t>
  </si>
  <si>
    <t>45000,00</t>
  </si>
  <si>
    <t>112800,00</t>
  </si>
  <si>
    <t>40213,66</t>
  </si>
  <si>
    <t>72586,34</t>
  </si>
  <si>
    <t>39613,75</t>
  </si>
  <si>
    <t>73186,25</t>
  </si>
  <si>
    <t>51593600,00</t>
  </si>
  <si>
    <t>70700701,08</t>
  </si>
  <si>
    <t>11477145,30</t>
  </si>
  <si>
    <t>59223555,78</t>
  </si>
  <si>
    <t>11472312,38</t>
  </si>
  <si>
    <t>5,83</t>
  </si>
  <si>
    <t>59228388,70</t>
  </si>
  <si>
    <t>51573600,00</t>
  </si>
  <si>
    <t>70680701,08</t>
  </si>
  <si>
    <t>59203555,78</t>
  </si>
  <si>
    <t>59208388,70</t>
  </si>
  <si>
    <t>20000,00</t>
  </si>
  <si>
    <t>2201300,00</t>
  </si>
  <si>
    <t>168814,13</t>
  </si>
  <si>
    <t>2032485,87</t>
  </si>
  <si>
    <t>110005,81</t>
  </si>
  <si>
    <t>2091294,19</t>
  </si>
  <si>
    <t>206709300,00</t>
  </si>
  <si>
    <t>199939753,35</t>
  </si>
  <si>
    <t>92918106,67</t>
  </si>
  <si>
    <t>42,30</t>
  </si>
  <si>
    <t>107021646,68</t>
  </si>
  <si>
    <t>75591576,36</t>
  </si>
  <si>
    <t>38,40</t>
  </si>
  <si>
    <t>124348176,99</t>
  </si>
  <si>
    <t>1015300,00</t>
  </si>
  <si>
    <t>242737,31</t>
  </si>
  <si>
    <t>772562,69</t>
  </si>
  <si>
    <t>45337200,00</t>
  </si>
  <si>
    <t>45374812,00</t>
  </si>
  <si>
    <t>6560397,97</t>
  </si>
  <si>
    <t>2,99</t>
  </si>
  <si>
    <t>38814414,03</t>
  </si>
  <si>
    <t>5224240,80</t>
  </si>
  <si>
    <t>2,65</t>
  </si>
  <si>
    <t>40150571,20</t>
  </si>
  <si>
    <t>478000,00</t>
  </si>
  <si>
    <t>515612,00</t>
  </si>
  <si>
    <t>127826,19</t>
  </si>
  <si>
    <t>387785,81</t>
  </si>
  <si>
    <t>100576,04</t>
  </si>
  <si>
    <t>415035,96</t>
  </si>
  <si>
    <t>44859200,00</t>
  </si>
  <si>
    <t>6432571,78</t>
  </si>
  <si>
    <t>38426628,22</t>
  </si>
  <si>
    <t>5123664,76</t>
  </si>
  <si>
    <t>2,60</t>
  </si>
  <si>
    <t>39735535,24</t>
  </si>
  <si>
    <t>180</t>
  </si>
  <si>
    <t>1017500,00</t>
  </si>
  <si>
    <t>195577,48</t>
  </si>
  <si>
    <t>821922,52</t>
  </si>
  <si>
    <t>181</t>
  </si>
  <si>
    <t>182</t>
  </si>
  <si>
    <t>183</t>
  </si>
  <si>
    <t>6427600,00</t>
  </si>
  <si>
    <t>6441267,44</t>
  </si>
  <si>
    <t>807560,31</t>
  </si>
  <si>
    <t>0,37</t>
  </si>
  <si>
    <t>5633707,13</t>
  </si>
  <si>
    <t>745836,30</t>
  </si>
  <si>
    <t>0,38</t>
  </si>
  <si>
    <t>5695431,14</t>
  </si>
  <si>
    <t>184</t>
  </si>
  <si>
    <t>185</t>
  </si>
  <si>
    <t>28952100,00</t>
  </si>
  <si>
    <t>29245200,00</t>
  </si>
  <si>
    <t>5370544,11</t>
  </si>
  <si>
    <t>2,44</t>
  </si>
  <si>
    <t>23874655,89</t>
  </si>
  <si>
    <t>3152309,72</t>
  </si>
  <si>
    <t>26092890,28</t>
  </si>
  <si>
    <t>186</t>
  </si>
  <si>
    <t>187</t>
  </si>
  <si>
    <t>2697000,00</t>
  </si>
  <si>
    <t>2706400,00</t>
  </si>
  <si>
    <t>419266,56</t>
  </si>
  <si>
    <t>2287133,44</t>
  </si>
  <si>
    <t>339266,56</t>
  </si>
  <si>
    <t>2367133,44</t>
  </si>
  <si>
    <t>188</t>
  </si>
  <si>
    <t>1422000,00</t>
  </si>
  <si>
    <t>1431400,00</t>
  </si>
  <si>
    <t>215655,13</t>
  </si>
  <si>
    <t>1215744,87</t>
  </si>
  <si>
    <t>135655,13</t>
  </si>
  <si>
    <t>1295744,87</t>
  </si>
  <si>
    <t>189</t>
  </si>
  <si>
    <t>1275000,00</t>
  </si>
  <si>
    <t>203611,43</t>
  </si>
  <si>
    <t>1071388,57</t>
  </si>
  <si>
    <t>190</t>
  </si>
  <si>
    <t>24645400,00</t>
  </si>
  <si>
    <t>24658100,00</t>
  </si>
  <si>
    <t>4782713,72</t>
  </si>
  <si>
    <t>2,18</t>
  </si>
  <si>
    <t>19875386,28</t>
  </si>
  <si>
    <t>2,43</t>
  </si>
  <si>
    <t>191</t>
  </si>
  <si>
    <t>192</t>
  </si>
  <si>
    <t>238600,00</t>
  </si>
  <si>
    <t>338600,00</t>
  </si>
  <si>
    <t>19352,55</t>
  </si>
  <si>
    <t>319247,45</t>
  </si>
  <si>
    <t>193</t>
  </si>
  <si>
    <t>194</t>
  </si>
  <si>
    <t>195</t>
  </si>
  <si>
    <t>631165100,00</t>
  </si>
  <si>
    <t>631163100,00</t>
  </si>
  <si>
    <t>6133526,19</t>
  </si>
  <si>
    <t>2,79</t>
  </si>
  <si>
    <t>625029573,81</t>
  </si>
  <si>
    <t>6056505,70</t>
  </si>
  <si>
    <t>3,08</t>
  </si>
  <si>
    <t>625106594,30</t>
  </si>
  <si>
    <t>196</t>
  </si>
  <si>
    <t>432000,00</t>
  </si>
  <si>
    <t>162000,00</t>
  </si>
  <si>
    <t>270000,00</t>
  </si>
  <si>
    <t>136766,45</t>
  </si>
  <si>
    <t>295233,55</t>
  </si>
  <si>
    <t>197</t>
  </si>
  <si>
    <t>630733100,00</t>
  </si>
  <si>
    <t>630731100,00</t>
  </si>
  <si>
    <t>5971526,19</t>
  </si>
  <si>
    <t>2,72</t>
  </si>
  <si>
    <t>624759573,81</t>
  </si>
  <si>
    <t>5919739,25</t>
  </si>
  <si>
    <t>3,01</t>
  </si>
  <si>
    <t>624811360,75</t>
  </si>
  <si>
    <t>100001</t>
  </si>
  <si>
    <t>Total</t>
  </si>
  <si>
    <t>200,00</t>
  </si>
  <si>
    <t>200,06</t>
  </si>
  <si>
    <t>Anexo 3 - Demonstrativo da Receita Corrente Líquida</t>
  </si>
  <si>
    <t>LRF, Art. 53, inciso I</t>
  </si>
  <si>
    <t>ESPECIFICAÇÃO</t>
  </si>
  <si>
    <t>Evolução da Receita Realizada nos últimos 12 meses</t>
  </si>
  <si>
    <t>Mar/2017</t>
  </si>
  <si>
    <t>Abr/2017</t>
  </si>
  <si>
    <t>Mai/2017</t>
  </si>
  <si>
    <t>Jun/2017</t>
  </si>
  <si>
    <t>Jul/2017</t>
  </si>
  <si>
    <t>Ago/2017</t>
  </si>
  <si>
    <t>Set/2017</t>
  </si>
  <si>
    <t>Out/2017</t>
  </si>
  <si>
    <t>Nov/2017</t>
  </si>
  <si>
    <t>Dez/2017</t>
  </si>
  <si>
    <t>Jan/2018</t>
  </si>
  <si>
    <t>Fev/2018</t>
  </si>
  <si>
    <t>Total (ùltimos 12 Meses)</t>
  </si>
  <si>
    <t>Previsão Atualizada</t>
  </si>
  <si>
    <t>RECEITAS CORRENTES (I)</t>
  </si>
  <si>
    <t>1134069542,29</t>
  </si>
  <si>
    <t>1135680980,28</t>
  </si>
  <si>
    <t>1245105526,41</t>
  </si>
  <si>
    <t>1121569202,88</t>
  </si>
  <si>
    <t>1094850846,42</t>
  </si>
  <si>
    <t>1182484045,18</t>
  </si>
  <si>
    <t>1129382739,73</t>
  </si>
  <si>
    <t>1157057215,29</t>
  </si>
  <si>
    <t>1107081436,38</t>
  </si>
  <si>
    <t>1510418443,32</t>
  </si>
  <si>
    <t>1531155888,16</t>
  </si>
  <si>
    <t>1178454005,70</t>
  </si>
  <si>
    <t>14527309872,04</t>
  </si>
  <si>
    <t>15672391800,00</t>
  </si>
  <si>
    <t xml:space="preserve">   Impostos, Taxas e Contribuições de Melhoria</t>
  </si>
  <si>
    <t>759470409,22</t>
  </si>
  <si>
    <t>774351160,11</t>
  </si>
  <si>
    <t>801895829,07</t>
  </si>
  <si>
    <t>756824819,95</t>
  </si>
  <si>
    <t>729954570,48</t>
  </si>
  <si>
    <t>776776995,53</t>
  </si>
  <si>
    <t>780881241,93</t>
  </si>
  <si>
    <t>771047702,95</t>
  </si>
  <si>
    <t>776437045,15</t>
  </si>
  <si>
    <t>935615078,20</t>
  </si>
  <si>
    <t>1077161911,89</t>
  </si>
  <si>
    <t>764057112,67</t>
  </si>
  <si>
    <t>9704473877,15</t>
  </si>
  <si>
    <t>10036807300,00</t>
  </si>
  <si>
    <t xml:space="preserve">      ICMS</t>
  </si>
  <si>
    <t>587791472,39</t>
  </si>
  <si>
    <t>623191900,53</t>
  </si>
  <si>
    <t>638194358,24</t>
  </si>
  <si>
    <t>632544960,36</t>
  </si>
  <si>
    <t>611151178,52</t>
  </si>
  <si>
    <t>653438243,98</t>
  </si>
  <si>
    <t>658259870,84</t>
  </si>
  <si>
    <t>664897408,08</t>
  </si>
  <si>
    <t>700522366,51</t>
  </si>
  <si>
    <t>742192455,81</t>
  </si>
  <si>
    <t>704122077,62</t>
  </si>
  <si>
    <t>606103619,50</t>
  </si>
  <si>
    <t>7822409912,38</t>
  </si>
  <si>
    <t>8177662900,00</t>
  </si>
  <si>
    <t xml:space="preserve">      IPVA</t>
  </si>
  <si>
    <t>46692864,26</t>
  </si>
  <si>
    <t>37166712,63</t>
  </si>
  <si>
    <t>42033646,24</t>
  </si>
  <si>
    <t>20748623,86</t>
  </si>
  <si>
    <t>17165172,38</t>
  </si>
  <si>
    <t>21412160,27</t>
  </si>
  <si>
    <t>11735419,46</t>
  </si>
  <si>
    <t>9826917,89</t>
  </si>
  <si>
    <t>7986594,60</t>
  </si>
  <si>
    <t>33073898,56</t>
  </si>
  <si>
    <t>293425446,33</t>
  </si>
  <si>
    <t>50633670,64</t>
  </si>
  <si>
    <t>591901127,12</t>
  </si>
  <si>
    <t>628324400,00</t>
  </si>
  <si>
    <t xml:space="preserve">      ITCD</t>
  </si>
  <si>
    <t>10447471,15</t>
  </si>
  <si>
    <t>9524916,97</t>
  </si>
  <si>
    <t>9703750,42</t>
  </si>
  <si>
    <t>13826500,43</t>
  </si>
  <si>
    <t>10182527,91</t>
  </si>
  <si>
    <t>10905564,99</t>
  </si>
  <si>
    <t>9108795,61</t>
  </si>
  <si>
    <t>7963032,95</t>
  </si>
  <si>
    <t>12914002,71</t>
  </si>
  <si>
    <t>14083560,41</t>
  </si>
  <si>
    <t>8175125,36</t>
  </si>
  <si>
    <t>11005185,52</t>
  </si>
  <si>
    <t>127840434,43</t>
  </si>
  <si>
    <t>119128500,00</t>
  </si>
  <si>
    <t xml:space="preserve">      IRRF</t>
  </si>
  <si>
    <t>91921678,15</t>
  </si>
  <si>
    <t>74664169,08</t>
  </si>
  <si>
    <t>86011346,81</t>
  </si>
  <si>
    <t>62601188,91</t>
  </si>
  <si>
    <t>67302211,82</t>
  </si>
  <si>
    <t>67747483,03</t>
  </si>
  <si>
    <t>73337868,54</t>
  </si>
  <si>
    <t>68118990,20</t>
  </si>
  <si>
    <t>31260621,37</t>
  </si>
  <si>
    <t>125365319,11</t>
  </si>
  <si>
    <t>51261765,69</t>
  </si>
  <si>
    <t>79113588,61</t>
  </si>
  <si>
    <t>878706231,32</t>
  </si>
  <si>
    <t>845793800,00</t>
  </si>
  <si>
    <t xml:space="preserve">      Outros Impostos, Taxas e Contribuições de Melhoria</t>
  </si>
  <si>
    <t>22616923,27</t>
  </si>
  <si>
    <t>29803460,90</t>
  </si>
  <si>
    <t>25952727,36</t>
  </si>
  <si>
    <t>27103546,39</t>
  </si>
  <si>
    <t>24153479,85</t>
  </si>
  <si>
    <t>23273543,26</t>
  </si>
  <si>
    <t>28439287,48</t>
  </si>
  <si>
    <t>20241353,83</t>
  </si>
  <si>
    <t>23753459,96</t>
  </si>
  <si>
    <t>20899844,31</t>
  </si>
  <si>
    <t>20177496,89</t>
  </si>
  <si>
    <t>17201048,40</t>
  </si>
  <si>
    <t>283616171,90</t>
  </si>
  <si>
    <t>33860687,85</t>
  </si>
  <si>
    <t>44308434,90</t>
  </si>
  <si>
    <t>83524652,41</t>
  </si>
  <si>
    <t>23444578,28</t>
  </si>
  <si>
    <t>27328285,41</t>
  </si>
  <si>
    <t>47925154,73</t>
  </si>
  <si>
    <t>38371316,51</t>
  </si>
  <si>
    <t>47170540,52</t>
  </si>
  <si>
    <t>9212500,46</t>
  </si>
  <si>
    <t>52620840,56</t>
  </si>
  <si>
    <t>65982411,78</t>
  </si>
  <si>
    <t>46134859,12</t>
  </si>
  <si>
    <t>519884262,53</t>
  </si>
  <si>
    <t>15547016,13</t>
  </si>
  <si>
    <t>9270298,31</t>
  </si>
  <si>
    <t>14878097,39</t>
  </si>
  <si>
    <t>10343666,20</t>
  </si>
  <si>
    <t>22347140,02</t>
  </si>
  <si>
    <t>12659039,23</t>
  </si>
  <si>
    <t>10934934,07</t>
  </si>
  <si>
    <t>10289847,85</t>
  </si>
  <si>
    <t>10526484,54</t>
  </si>
  <si>
    <t>12592416,95</t>
  </si>
  <si>
    <t>7144285,59</t>
  </si>
  <si>
    <t>7232028,44</t>
  </si>
  <si>
    <t>143765254,72</t>
  </si>
  <si>
    <t xml:space="preserve">      Rendimentos de Aplicação Financeira</t>
  </si>
  <si>
    <t>13690332,44</t>
  </si>
  <si>
    <t>7280396,10</t>
  </si>
  <si>
    <t>9723829,96</t>
  </si>
  <si>
    <t>8227913,89</t>
  </si>
  <si>
    <t>18834609,55</t>
  </si>
  <si>
    <t>10479149,19</t>
  </si>
  <si>
    <t>8957750,39</t>
  </si>
  <si>
    <t>8362942,69</t>
  </si>
  <si>
    <t>8517212,59</t>
  </si>
  <si>
    <t>5842302,25</t>
  </si>
  <si>
    <t>5245923,58</t>
  </si>
  <si>
    <t>4084063,14</t>
  </si>
  <si>
    <t>109246425,77</t>
  </si>
  <si>
    <t>268181000,00</t>
  </si>
  <si>
    <t xml:space="preserve">      Outras Receitas Patrimoniais</t>
  </si>
  <si>
    <t>1856683,69</t>
  </si>
  <si>
    <t>1989902,21</t>
  </si>
  <si>
    <t>5154267,43</t>
  </si>
  <si>
    <t>2115752,31</t>
  </si>
  <si>
    <t>3512530,47</t>
  </si>
  <si>
    <t>2179890,04</t>
  </si>
  <si>
    <t>1977183,68</t>
  </si>
  <si>
    <t>1926905,16</t>
  </si>
  <si>
    <t>2009271,95</t>
  </si>
  <si>
    <t>6750114,70</t>
  </si>
  <si>
    <t>1898362,01</t>
  </si>
  <si>
    <t>3147965,30</t>
  </si>
  <si>
    <t>34518828,95</t>
  </si>
  <si>
    <t>65818600,00</t>
  </si>
  <si>
    <t>45802982,07</t>
  </si>
  <si>
    <t>35789020,14</t>
  </si>
  <si>
    <t>50133931,27</t>
  </si>
  <si>
    <t>48525555,75</t>
  </si>
  <si>
    <t>42431262,10</t>
  </si>
  <si>
    <t>41328514,26</t>
  </si>
  <si>
    <t>40931801,18</t>
  </si>
  <si>
    <t>35311613,88</t>
  </si>
  <si>
    <t>42281444,45</t>
  </si>
  <si>
    <t>45330773,86</t>
  </si>
  <si>
    <t>32308348,06</t>
  </si>
  <si>
    <t>29932450,15</t>
  </si>
  <si>
    <t>490107697,17</t>
  </si>
  <si>
    <t>267423840,75</t>
  </si>
  <si>
    <t>259864595,08</t>
  </si>
  <si>
    <t>279480810,14</t>
  </si>
  <si>
    <t>267168608,36</t>
  </si>
  <si>
    <t>257827146,58</t>
  </si>
  <si>
    <t>286704107,78</t>
  </si>
  <si>
    <t>245673647,51</t>
  </si>
  <si>
    <t>278756310,59</t>
  </si>
  <si>
    <t>246017180,53</t>
  </si>
  <si>
    <t>397418135,92</t>
  </si>
  <si>
    <t>341208217,69</t>
  </si>
  <si>
    <t>325786196,51</t>
  </si>
  <si>
    <t>3453328797,44</t>
  </si>
  <si>
    <t>3820878400,00</t>
  </si>
  <si>
    <t xml:space="preserve">      Cota-Parte do FPE</t>
  </si>
  <si>
    <t>77889577,28</t>
  </si>
  <si>
    <t>97408895,67</t>
  </si>
  <si>
    <t>107474669,00</t>
  </si>
  <si>
    <t>99762090,31</t>
  </si>
  <si>
    <t>80068521,07</t>
  </si>
  <si>
    <t>88419918,61</t>
  </si>
  <si>
    <t>74818420,47</t>
  </si>
  <si>
    <t>88321357,02</t>
  </si>
  <si>
    <t>84651105,50</t>
  </si>
  <si>
    <t>119352365,79</t>
  </si>
  <si>
    <t>102834519,71</t>
  </si>
  <si>
    <t>136368488,69</t>
  </si>
  <si>
    <t>1157369929,12</t>
  </si>
  <si>
    <t>1357944600,00</t>
  </si>
  <si>
    <t xml:space="preserve">      Transferências da LC 87/1996</t>
  </si>
  <si>
    <t>1504729,69</t>
  </si>
  <si>
    <t>1473863,44</t>
  </si>
  <si>
    <t>17995023,78</t>
  </si>
  <si>
    <t>20281300,00</t>
  </si>
  <si>
    <t xml:space="preserve">      Transferências da LC 61/1989</t>
  </si>
  <si>
    <t>6041549,37</t>
  </si>
  <si>
    <t>7295189,07</t>
  </si>
  <si>
    <t>6844925,89</t>
  </si>
  <si>
    <t>6882138,19</t>
  </si>
  <si>
    <t>7731235,83</t>
  </si>
  <si>
    <t>7234629,08</t>
  </si>
  <si>
    <t>7727433,01</t>
  </si>
  <si>
    <t>9752202,56</t>
  </si>
  <si>
    <t>7963224,36</t>
  </si>
  <si>
    <t>10986936,91</t>
  </si>
  <si>
    <t>19917681,88</t>
  </si>
  <si>
    <t>9118341,67</t>
  </si>
  <si>
    <t>107495487,82</t>
  </si>
  <si>
    <t>93861800,00</t>
  </si>
  <si>
    <t xml:space="preserve">      Transferências do FUNDEB</t>
  </si>
  <si>
    <t>89880453,57</t>
  </si>
  <si>
    <t>74208601,85</t>
  </si>
  <si>
    <t>84722981,58</t>
  </si>
  <si>
    <t>73376384,14</t>
  </si>
  <si>
    <t>80169141,15</t>
  </si>
  <si>
    <t>73560310,53</t>
  </si>
  <si>
    <t>70332850,77</t>
  </si>
  <si>
    <t>93131801,21</t>
  </si>
  <si>
    <t>73291716,07</t>
  </si>
  <si>
    <t>98856844,10</t>
  </si>
  <si>
    <t>97582502,11</t>
  </si>
  <si>
    <t>94820672,36</t>
  </si>
  <si>
    <t>1003934259,44</t>
  </si>
  <si>
    <t xml:space="preserve">      Outras Transferências Correntes</t>
  </si>
  <si>
    <t>92107530,84</t>
  </si>
  <si>
    <t>79447178,80</t>
  </si>
  <si>
    <t>78933503,98</t>
  </si>
  <si>
    <t>85643266,03</t>
  </si>
  <si>
    <t>88353518,84</t>
  </si>
  <si>
    <t>115984519,87</t>
  </si>
  <si>
    <t>91290213,57</t>
  </si>
  <si>
    <t>86046220,11</t>
  </si>
  <si>
    <t>78606404,91</t>
  </si>
  <si>
    <t>166717259,43</t>
  </si>
  <si>
    <t>119399650,55</t>
  </si>
  <si>
    <t>84004830,35</t>
  </si>
  <si>
    <t>1166534097,28</t>
  </si>
  <si>
    <t>1321391400,00</t>
  </si>
  <si>
    <t>11964606,27</t>
  </si>
  <si>
    <t>12097471,74</t>
  </si>
  <si>
    <t>15192206,13</t>
  </si>
  <si>
    <t>15261974,34</t>
  </si>
  <si>
    <t>14962441,83</t>
  </si>
  <si>
    <t>17090233,65</t>
  </si>
  <si>
    <t>12589798,53</t>
  </si>
  <si>
    <t>14481199,50</t>
  </si>
  <si>
    <t>22606781,25</t>
  </si>
  <si>
    <t>66841197,83</t>
  </si>
  <si>
    <t>7350713,15</t>
  </si>
  <si>
    <t>5311358,81</t>
  </si>
  <si>
    <t>215749983,03</t>
  </si>
  <si>
    <t>DEDUÇÕES (II)</t>
  </si>
  <si>
    <t>319174988,46</t>
  </si>
  <si>
    <t>361179305,68</t>
  </si>
  <si>
    <t>409309125,70</t>
  </si>
  <si>
    <t>322283478,36</t>
  </si>
  <si>
    <t>335633209,48</t>
  </si>
  <si>
    <t>367276560,82</t>
  </si>
  <si>
    <t>347401574,02</t>
  </si>
  <si>
    <t>364477947,42</t>
  </si>
  <si>
    <t>339225820,38</t>
  </si>
  <si>
    <t>439724530,91</t>
  </si>
  <si>
    <t>564549533,55</t>
  </si>
  <si>
    <t>365711247,41</t>
  </si>
  <si>
    <t>4535947322,19</t>
  </si>
  <si>
    <t>4808025578,00</t>
  </si>
  <si>
    <t xml:space="preserve">   Transferências Constitucionais e Legais</t>
  </si>
  <si>
    <t>171626635,57</t>
  </si>
  <si>
    <t>194939901,19</t>
  </si>
  <si>
    <t>199041070,62</t>
  </si>
  <si>
    <t>175767226,75</t>
  </si>
  <si>
    <t>192988342,33</t>
  </si>
  <si>
    <t>195133539,96</t>
  </si>
  <si>
    <t>188766519,37</t>
  </si>
  <si>
    <t>193121453,09</t>
  </si>
  <si>
    <t>199574627,99</t>
  </si>
  <si>
    <t>233990919,12</t>
  </si>
  <si>
    <t>339742300,06</t>
  </si>
  <si>
    <t>192104427,04</t>
  </si>
  <si>
    <t>2476796963,09</t>
  </si>
  <si>
    <t>2448492678,00</t>
  </si>
  <si>
    <t xml:space="preserve">   Contrib. do Servidor para o Plano de Previdência</t>
  </si>
  <si>
    <t>65846148,47</t>
  </si>
  <si>
    <t>46005844,00</t>
  </si>
  <si>
    <t>519618984,10</t>
  </si>
  <si>
    <t>752625500,00</t>
  </si>
  <si>
    <t xml:space="preserve">   Compensação Financ. entre Regimes Previdência</t>
  </si>
  <si>
    <t>5920,57</t>
  </si>
  <si>
    <t>2384,08</t>
  </si>
  <si>
    <t>-2384,08</t>
  </si>
  <si>
    <t>220870,30</t>
  </si>
  <si>
    <t>41086,59</t>
  </si>
  <si>
    <t>41984,12</t>
  </si>
  <si>
    <t>42678,24</t>
  </si>
  <si>
    <t>352539,82</t>
  </si>
  <si>
    <t xml:space="preserve">   Dedução de Receita para Formação do FUNDEB</t>
  </si>
  <si>
    <t>113681744,47</t>
  </si>
  <si>
    <t>121930969,59</t>
  </si>
  <si>
    <t>126741018,59</t>
  </si>
  <si>
    <t>123071673,33</t>
  </si>
  <si>
    <t>115318965,82</t>
  </si>
  <si>
    <t>123996995,83</t>
  </si>
  <si>
    <t>120222651,55</t>
  </si>
  <si>
    <t>124143969,69</t>
  </si>
  <si>
    <t>130396013,69</t>
  </si>
  <si>
    <t>153112771,23</t>
  </si>
  <si>
    <t>158961085,02</t>
  </si>
  <si>
    <t>127600976,37</t>
  </si>
  <si>
    <t>1539178835,18</t>
  </si>
  <si>
    <t>1606907400,00</t>
  </si>
  <si>
    <t>RECEITA CORRENTE LÍQUIDA (III) = (I - II)</t>
  </si>
  <si>
    <t>814894553,83</t>
  </si>
  <si>
    <t>774501674,60</t>
  </si>
  <si>
    <t>835796400,71</t>
  </si>
  <si>
    <t>799285724,52</t>
  </si>
  <si>
    <t>759217636,94</t>
  </si>
  <si>
    <t>815207484,36</t>
  </si>
  <si>
    <t>781981165,71</t>
  </si>
  <si>
    <t>792579267,87</t>
  </si>
  <si>
    <t>767855616,00</t>
  </si>
  <si>
    <t>1070693912,41</t>
  </si>
  <si>
    <t>966606354,61</t>
  </si>
  <si>
    <t>812742758,29</t>
  </si>
  <si>
    <t>9991362549,85</t>
  </si>
  <si>
    <t>10864366222,00</t>
  </si>
  <si>
    <t>Anexo 4 - Demonstrativo das Receitas e Despesas Previdenciárias do RPPS</t>
  </si>
  <si>
    <t>LRF, Art. 53, inciso II</t>
  </si>
  <si>
    <t>RECEITAS PREVIDENCIÁRIAS - PLANO PREVIDENCIÁRIO</t>
  </si>
  <si>
    <t>Até o Bimestre 2018</t>
  </si>
  <si>
    <t>Até o Bimestre 2017</t>
  </si>
  <si>
    <t>2054867500,00</t>
  </si>
  <si>
    <t>2465122500,00</t>
  </si>
  <si>
    <t>520583238,34</t>
  </si>
  <si>
    <t>11852352,83</t>
  </si>
  <si>
    <t>Receita de Contribuições dos Segurados</t>
  </si>
  <si>
    <t>637754100,00</t>
  </si>
  <si>
    <t>111851992,47</t>
  </si>
  <si>
    <t>1698761,98</t>
  </si>
  <si>
    <t xml:space="preserve">   Civil</t>
  </si>
  <si>
    <t>555686300,00</t>
  </si>
  <si>
    <t>658250050,00</t>
  </si>
  <si>
    <t>92937497,09</t>
  </si>
  <si>
    <t xml:space="preserve">      Ativo</t>
  </si>
  <si>
    <t>469476400,00</t>
  </si>
  <si>
    <t>555629950,00</t>
  </si>
  <si>
    <t>68987779,39</t>
  </si>
  <si>
    <t xml:space="preserve">      Inativo</t>
  </si>
  <si>
    <t>71112000,00</t>
  </si>
  <si>
    <t>87522200,00</t>
  </si>
  <si>
    <t>20773303,12</t>
  </si>
  <si>
    <t xml:space="preserve">      Pensionista</t>
  </si>
  <si>
    <t>15097900,00</t>
  </si>
  <si>
    <t>3176414,58</t>
  </si>
  <si>
    <t xml:space="preserve">   Militar</t>
  </si>
  <si>
    <t>82067800,00</t>
  </si>
  <si>
    <t>94375450,00</t>
  </si>
  <si>
    <t>18914495,38</t>
  </si>
  <si>
    <t>66681800,00</t>
  </si>
  <si>
    <t>78989450,00</t>
  </si>
  <si>
    <t>14032400,00</t>
  </si>
  <si>
    <t>1353600,00</t>
  </si>
  <si>
    <t>Receita de Contribuições Patronais</t>
  </si>
  <si>
    <t>873037600,00</t>
  </si>
  <si>
    <t>1160216100,00</t>
  </si>
  <si>
    <t>258197756,91</t>
  </si>
  <si>
    <t>3476322,00</t>
  </si>
  <si>
    <t>740015500,00</t>
  </si>
  <si>
    <t>973860850,00</t>
  </si>
  <si>
    <t>201940041,91</t>
  </si>
  <si>
    <t>3474641,08</t>
  </si>
  <si>
    <t>651360700,00</t>
  </si>
  <si>
    <t>778539750,00</t>
  </si>
  <si>
    <t>121449110,38</t>
  </si>
  <si>
    <t>77150200,00</t>
  </si>
  <si>
    <t>175611400,00</t>
  </si>
  <si>
    <t>71797307,51</t>
  </si>
  <si>
    <t>11504600,00</t>
  </si>
  <si>
    <t>19709700,00</t>
  </si>
  <si>
    <t>8693624,02</t>
  </si>
  <si>
    <t>133022100,00</t>
  </si>
  <si>
    <t>186355250,00</t>
  </si>
  <si>
    <t>56257715,00</t>
  </si>
  <si>
    <t>1680,92</t>
  </si>
  <si>
    <t>126051600,00</t>
  </si>
  <si>
    <t>179384750,00</t>
  </si>
  <si>
    <t>6037900,00</t>
  </si>
  <si>
    <t>932600,00</t>
  </si>
  <si>
    <t xml:space="preserve">   Em Regime de Parcelamento de Débitos</t>
  </si>
  <si>
    <t>Receita Patrimonial</t>
  </si>
  <si>
    <t>96732500,00</t>
  </si>
  <si>
    <t>1441608,03</t>
  </si>
  <si>
    <t>6677268,85</t>
  </si>
  <si>
    <t xml:space="preserve">   Receitas Imobiliárias</t>
  </si>
  <si>
    <t>13200,00</t>
  </si>
  <si>
    <t>1954,00</t>
  </si>
  <si>
    <t xml:space="preserve">   Receitas de Valores Mobiliários</t>
  </si>
  <si>
    <t>96719300,00</t>
  </si>
  <si>
    <t>1439654,03</t>
  </si>
  <si>
    <t xml:space="preserve">   Outras Receitas Patrimoniais</t>
  </si>
  <si>
    <t>Receita de Serviços</t>
  </si>
  <si>
    <t>Outras Receitas Correntes</t>
  </si>
  <si>
    <t>447343300,00</t>
  </si>
  <si>
    <t>455548400,00</t>
  </si>
  <si>
    <t>149091880,93</t>
  </si>
  <si>
    <t xml:space="preserve">   Compensação Previdenciária do RGPS para o RPPS</t>
  </si>
  <si>
    <t>6868800,00</t>
  </si>
  <si>
    <t xml:space="preserve">   Aportes Periódicos para Amortização de Déficit Atuarial do RPPS (II)1</t>
  </si>
  <si>
    <t>8205100,00</t>
  </si>
  <si>
    <t>74720637,43</t>
  </si>
  <si>
    <t xml:space="preserve">   Demais Receitas Correntes</t>
  </si>
  <si>
    <t>440474500,00</t>
  </si>
  <si>
    <t>74371243,50</t>
  </si>
  <si>
    <t>RECEITAS DE CAPITAL (III)</t>
  </si>
  <si>
    <t>Alienação de Bens, Direitos e Ativos</t>
  </si>
  <si>
    <t>Amortização de Empréstimos</t>
  </si>
  <si>
    <t>Outras Receitas de Capital</t>
  </si>
  <si>
    <t>TOTAL DAS RECEITAS PREVIDENCIÁRIAS RPPS - (IV) = (I + III - II)</t>
  </si>
  <si>
    <t>2456917400,00</t>
  </si>
  <si>
    <t>DESPESAS PREVIDENCIÁRIAS - PLANO PREVIDENCIÁRIO</t>
  </si>
  <si>
    <t>Dotação Atualizada</t>
  </si>
  <si>
    <t>ADMINISTRAÇÃO (V)</t>
  </si>
  <si>
    <t>59420400,00</t>
  </si>
  <si>
    <t>71123400,00</t>
  </si>
  <si>
    <t>1380824,11</t>
  </si>
  <si>
    <t>1263983,79</t>
  </si>
  <si>
    <t xml:space="preserve">   Despesas Correntes</t>
  </si>
  <si>
    <t>51940400,00</t>
  </si>
  <si>
    <t>57273400,00</t>
  </si>
  <si>
    <t xml:space="preserve">   Despesas de Capital</t>
  </si>
  <si>
    <t>7480000,00</t>
  </si>
  <si>
    <t>13850000,00</t>
  </si>
  <si>
    <t>PREVIDÊNCIA (VI)</t>
  </si>
  <si>
    <t>2122079100,00</t>
  </si>
  <si>
    <t>2520631100,00</t>
  </si>
  <si>
    <t>550554259,39</t>
  </si>
  <si>
    <t>2051885,13</t>
  </si>
  <si>
    <t>415850187,10</t>
  </si>
  <si>
    <t>374420,76</t>
  </si>
  <si>
    <t xml:space="preserve">   Benefícios - Civil</t>
  </si>
  <si>
    <t>1671009600,00</t>
  </si>
  <si>
    <t>2108406600,00</t>
  </si>
  <si>
    <t>475873371,64</t>
  </si>
  <si>
    <t>1845536,43</t>
  </si>
  <si>
    <t>345317725,63</t>
  </si>
  <si>
    <t>346111,38</t>
  </si>
  <si>
    <t xml:space="preserve">      Aposentadorias</t>
  </si>
  <si>
    <t>1433234700,00</t>
  </si>
  <si>
    <t>1750382700,00</t>
  </si>
  <si>
    <t>421178748,79</t>
  </si>
  <si>
    <t>297779582,92</t>
  </si>
  <si>
    <t xml:space="preserve">      Pensões</t>
  </si>
  <si>
    <t>158309000,00</t>
  </si>
  <si>
    <t>281558000,00</t>
  </si>
  <si>
    <t>52630000,00</t>
  </si>
  <si>
    <t>135002,51</t>
  </si>
  <si>
    <t>46123546,32</t>
  </si>
  <si>
    <t>34249,54</t>
  </si>
  <si>
    <t xml:space="preserve">      Outros Benefícios Previdenciários</t>
  </si>
  <si>
    <t>79465900,00</t>
  </si>
  <si>
    <t>76465900,00</t>
  </si>
  <si>
    <t>2064622,85</t>
  </si>
  <si>
    <t>1710533,92</t>
  </si>
  <si>
    <t>1414596,39</t>
  </si>
  <si>
    <t>311861,84</t>
  </si>
  <si>
    <t xml:space="preserve">   Benefícios - Militar</t>
  </si>
  <si>
    <t>295639100,00</t>
  </si>
  <si>
    <t>400755100,00</t>
  </si>
  <si>
    <t>73524614,49</t>
  </si>
  <si>
    <t>206348,70</t>
  </si>
  <si>
    <t>69376188,21</t>
  </si>
  <si>
    <t>28309,38</t>
  </si>
  <si>
    <t xml:space="preserve">      Reformas</t>
  </si>
  <si>
    <t>240734300,00</t>
  </si>
  <si>
    <t>307950300,00</t>
  </si>
  <si>
    <t>64074614,49</t>
  </si>
  <si>
    <t>60536815,62</t>
  </si>
  <si>
    <t>36400000,00</t>
  </si>
  <si>
    <t>74300000,00</t>
  </si>
  <si>
    <t>8900000,00</t>
  </si>
  <si>
    <t>116348,70</t>
  </si>
  <si>
    <t>8811391,89</t>
  </si>
  <si>
    <t>26628,46</t>
  </si>
  <si>
    <t>18504800,00</t>
  </si>
  <si>
    <t>550000,00</t>
  </si>
  <si>
    <t>90000,00</t>
  </si>
  <si>
    <t>27980,70</t>
  </si>
  <si>
    <t xml:space="preserve">   Outras Despesas Previdenciárias</t>
  </si>
  <si>
    <t>155430400,00</t>
  </si>
  <si>
    <t>11469400,00</t>
  </si>
  <si>
    <t>1156273,26</t>
  </si>
  <si>
    <t xml:space="preserve">      Compensação Previdenciária do RPPS para o RGPS</t>
  </si>
  <si>
    <t>5458100,00</t>
  </si>
  <si>
    <t>10916200,00</t>
  </si>
  <si>
    <t xml:space="preserve">      Demais Despesas Previdenciárias</t>
  </si>
  <si>
    <t>TOTAL DAS DESPESAS PREVIDENCIÁRIAS RPPS (VII) = (V + VI)</t>
  </si>
  <si>
    <t>2181499500,00</t>
  </si>
  <si>
    <t>2591754500,00</t>
  </si>
  <si>
    <t>417114170,89</t>
  </si>
  <si>
    <t>RESULTADO PREVIDENCIÁRIO (VIII) = (IV – VII)²</t>
  </si>
  <si>
    <t>RESULTADO PREVIDENCIÁRIO (VIII) = (IV – VII)2</t>
  </si>
  <si>
    <t>-126632000,00</t>
  </si>
  <si>
    <t>-134837100,00</t>
  </si>
  <si>
    <t>28748430,02</t>
  </si>
  <si>
    <t>11477932,07</t>
  </si>
  <si>
    <t>RECURSOS RPPS ARRECADADOS EM EXERCÍCIOS ANTERIORES</t>
  </si>
  <si>
    <t>Previsão Orçamentária</t>
  </si>
  <si>
    <t>VALOR</t>
  </si>
  <si>
    <t>RESERVA ORÇAMENTÁRIA DO RPPS</t>
  </si>
  <si>
    <t>APORTES DE RECURSOS PARA O PLANO PREVIDENCIÁRIO DO RPPS</t>
  </si>
  <si>
    <t>Aportes Realizados</t>
  </si>
  <si>
    <t>Plano de Amortização - Contribuição Patronal Suplementar</t>
  </si>
  <si>
    <t>Plano de Amortização - Aporte Periódico de Valores Predefinidos</t>
  </si>
  <si>
    <t>Outros Aportes para o RPPS</t>
  </si>
  <si>
    <t>Recursos para Cobertura de Déficit Financeiro</t>
  </si>
  <si>
    <t>69027535,72</t>
  </si>
  <si>
    <t>BENS E DIREITOS DO RPPS</t>
  </si>
  <si>
    <t>Período de Referência</t>
  </si>
  <si>
    <t>2018</t>
  </si>
  <si>
    <t>2017</t>
  </si>
  <si>
    <t>Caixa e Equivalentes de Caixa</t>
  </si>
  <si>
    <t>98939731,98</t>
  </si>
  <si>
    <t>411243,04</t>
  </si>
  <si>
    <t>Investimentos e Aplicações</t>
  </si>
  <si>
    <t>66935852,44</t>
  </si>
  <si>
    <t>77153274,58</t>
  </si>
  <si>
    <t>Outros Bens e Direitos</t>
  </si>
  <si>
    <t>610116645,12</t>
  </si>
  <si>
    <t>RECEITAS PREVIDENCIÁRIAS - PLANO FINANCEIRO</t>
  </si>
  <si>
    <t>RECEITAS CORRENTES (IX)</t>
  </si>
  <si>
    <t>179798452,18</t>
  </si>
  <si>
    <t xml:space="preserve">   Receita de Contribuições dos Segurados</t>
  </si>
  <si>
    <t>39580948,05</t>
  </si>
  <si>
    <t xml:space="preserve">      Civil</t>
  </si>
  <si>
    <t>31570996,31</t>
  </si>
  <si>
    <t xml:space="preserve">         Ativo</t>
  </si>
  <si>
    <t>26251382,63</t>
  </si>
  <si>
    <t xml:space="preserve">         Inativo</t>
  </si>
  <si>
    <t>4164930,79</t>
  </si>
  <si>
    <t xml:space="preserve">         Pensionista</t>
  </si>
  <si>
    <t>1154682,89</t>
  </si>
  <si>
    <t xml:space="preserve">      Militar</t>
  </si>
  <si>
    <t>8009951,74</t>
  </si>
  <si>
    <t>6932265,69</t>
  </si>
  <si>
    <t>1005556,12</t>
  </si>
  <si>
    <t>72129,93</t>
  </si>
  <si>
    <t xml:space="preserve">   Receita de Contribuições Patronais</t>
  </si>
  <si>
    <t>98636032,93</t>
  </si>
  <si>
    <t>84860959,35</t>
  </si>
  <si>
    <t>38928017,06</t>
  </si>
  <si>
    <t>40004033,63</t>
  </si>
  <si>
    <t>5928908,66</t>
  </si>
  <si>
    <t>13775073,58</t>
  </si>
  <si>
    <t xml:space="preserve">      Em Regime de Parcelamento de Débitos</t>
  </si>
  <si>
    <t xml:space="preserve">   Receita Patrimonial</t>
  </si>
  <si>
    <t>81046,97</t>
  </si>
  <si>
    <t xml:space="preserve">      Receitas Imobiliárias</t>
  </si>
  <si>
    <t xml:space="preserve">      Receitas de Valores Mobiliários</t>
  </si>
  <si>
    <t>79092,97</t>
  </si>
  <si>
    <t xml:space="preserve">   Receita de Serviços</t>
  </si>
  <si>
    <t xml:space="preserve">   Outras Receitas Correntes</t>
  </si>
  <si>
    <t>41500424,23</t>
  </si>
  <si>
    <t xml:space="preserve">      Compensação Previdenciária do RGPS para o RPPS</t>
  </si>
  <si>
    <t>506500,92</t>
  </si>
  <si>
    <t>40993923,31</t>
  </si>
  <si>
    <t>RECEITAS DE CAPITAL (X)</t>
  </si>
  <si>
    <t xml:space="preserve">   Alienação de Bens, Direitos e Ativos</t>
  </si>
  <si>
    <t xml:space="preserve">   Amortização de Empréstimos</t>
  </si>
  <si>
    <t xml:space="preserve">   Outras Receitas de Capital</t>
  </si>
  <si>
    <t>TOTAL DAS RECEITAS PREVIDENCIÁRIAS RPPS - (XI) = (IX + X)</t>
  </si>
  <si>
    <t>DESPESAS PREVIDENCIÁRIAS - PLANO FINANCEIRO</t>
  </si>
  <si>
    <t>ADMINISTRAÇÃO (XII)</t>
  </si>
  <si>
    <t>5973866,62</t>
  </si>
  <si>
    <t>1660534,63</t>
  </si>
  <si>
    <t>PREVIDÊNCIA (XIII)</t>
  </si>
  <si>
    <t>1746923470,81</t>
  </si>
  <si>
    <t>556128685,08</t>
  </si>
  <si>
    <t>1403648547,38</t>
  </si>
  <si>
    <t>465082584,78</t>
  </si>
  <si>
    <t>1262645908,79</t>
  </si>
  <si>
    <t>398719407,62</t>
  </si>
  <si>
    <t>135716683,87</t>
  </si>
  <si>
    <t>64928065,94</t>
  </si>
  <si>
    <t>5285954,72</t>
  </si>
  <si>
    <t>1435111,22</t>
  </si>
  <si>
    <t>343274923,43</t>
  </si>
  <si>
    <t>91046100,30</t>
  </si>
  <si>
    <t>319053180,39</t>
  </si>
  <si>
    <t>79109926,49</t>
  </si>
  <si>
    <t>24001743,04</t>
  </si>
  <si>
    <t>11932975,52</t>
  </si>
  <si>
    <t>220000,00</t>
  </si>
  <si>
    <t>3198,29</t>
  </si>
  <si>
    <t>TOTAL DAS DESPESAS PREVIDENCIÁRIAS RPPS (XIV) = (XII + XIII)</t>
  </si>
  <si>
    <t>RESULTADO PREVIDENCIÁRIO (XV) = (XI – XIV)²</t>
  </si>
  <si>
    <t>RESULTADO PREVIDENCIÁRIO (XV) = (XI – XIV)2</t>
  </si>
  <si>
    <t>-1573098885,25</t>
  </si>
  <si>
    <t>-377990767,53</t>
  </si>
  <si>
    <t>APORTES DE RECURSOS PARA O PLANO FINANCEIRO DO RPPS</t>
  </si>
  <si>
    <t>Recursos para Cobertura de Insuficiências Financeiras</t>
  </si>
  <si>
    <t>Recursos para Formação de Reserva</t>
  </si>
  <si>
    <t>Anexo 6 - Demonstrativo do Resultado Primário e Nominal</t>
  </si>
  <si>
    <t>LRF, Art. 53, inciso III</t>
  </si>
  <si>
    <t>RECEITAS PRIMÁRIAS</t>
  </si>
  <si>
    <t>Receitas Realizadas (a)</t>
  </si>
  <si>
    <t>Impostos, Taxas e Contribuições de Melhoria</t>
  </si>
  <si>
    <t xml:space="preserve">   ICMS</t>
  </si>
  <si>
    <t>4922746600,00</t>
  </si>
  <si>
    <t>788783115,78</t>
  </si>
  <si>
    <t xml:space="preserve">   IPVA</t>
  </si>
  <si>
    <t>251329800,00</t>
  </si>
  <si>
    <t>137312286,41</t>
  </si>
  <si>
    <t xml:space="preserve">   ITCD</t>
  </si>
  <si>
    <t>95302800,00</t>
  </si>
  <si>
    <t>15358572,97</t>
  </si>
  <si>
    <t xml:space="preserve">   IRRF</t>
  </si>
  <si>
    <t>130375354,30</t>
  </si>
  <si>
    <t xml:space="preserve">   Outros Impostos, Taxas e Contribuições de Melhoria</t>
  </si>
  <si>
    <t>Contribuições</t>
  </si>
  <si>
    <t xml:space="preserve">   Aplicações Financeiras (II)</t>
  </si>
  <si>
    <t>Transferências Correntes</t>
  </si>
  <si>
    <t xml:space="preserve">   Cota-Parte do FPE</t>
  </si>
  <si>
    <t>1086355700,00</t>
  </si>
  <si>
    <t>191362406,76</t>
  </si>
  <si>
    <t xml:space="preserve">   Transferências da LC 87/1996</t>
  </si>
  <si>
    <t>16225000,00</t>
  </si>
  <si>
    <t>2358181,52</t>
  </si>
  <si>
    <t xml:space="preserve">   Transferências da LC 61/1989</t>
  </si>
  <si>
    <t>56317000,00</t>
  </si>
  <si>
    <t>21813394,65</t>
  </si>
  <si>
    <t xml:space="preserve">   Transferências do FUNDEB</t>
  </si>
  <si>
    <t xml:space="preserve">   Outras Transferências Correntes</t>
  </si>
  <si>
    <t>1311359000,00</t>
  </si>
  <si>
    <t>200659618,12</t>
  </si>
  <si>
    <t>Demais Receitas Correntes</t>
  </si>
  <si>
    <t>724990900,00</t>
  </si>
  <si>
    <t>74902870,17</t>
  </si>
  <si>
    <t xml:space="preserve">   Outras Receitas Financeiras (III)</t>
  </si>
  <si>
    <t>14443,54</t>
  </si>
  <si>
    <t xml:space="preserve">   Receitas Correntes Restantes</t>
  </si>
  <si>
    <t>74888426,63</t>
  </si>
  <si>
    <t>RECEITAS PRIMÁRIAS CORRENTES (IV) = (I - II - III)</t>
  </si>
  <si>
    <t>11425251800,00</t>
  </si>
  <si>
    <t>1909856675,11</t>
  </si>
  <si>
    <t>RECEITAS DE CAPITAL (V)</t>
  </si>
  <si>
    <t>Operações de Crédito (VI)</t>
  </si>
  <si>
    <t>Amortização de Empréstimos (VII)</t>
  </si>
  <si>
    <t>Alienação de Bens</t>
  </si>
  <si>
    <t xml:space="preserve">   Receitas de Alienação de Investimentos Temporários (VIII)</t>
  </si>
  <si>
    <t xml:space="preserve">   Receitas de Alienação de Investimentos Permanentes (IX)</t>
  </si>
  <si>
    <t xml:space="preserve">   Outras Alienações de Bens</t>
  </si>
  <si>
    <t>Transferências de Capital</t>
  </si>
  <si>
    <t xml:space="preserve">   Convênios</t>
  </si>
  <si>
    <t>349312200,00</t>
  </si>
  <si>
    <t>14852443,86</t>
  </si>
  <si>
    <t xml:space="preserve">   Outras Transferências de Capital</t>
  </si>
  <si>
    <t>666055100,00</t>
  </si>
  <si>
    <t xml:space="preserve">   Outras Receitas de Capital Não Primárias (X)</t>
  </si>
  <si>
    <t xml:space="preserve">   Outras Receitas de Capital Primárias</t>
  </si>
  <si>
    <t>RECEITAS PRIMÁRIAS DE CAPITAL (XI) = (V - VI - VII - VIII - IX - X)</t>
  </si>
  <si>
    <t>1619584800,00</t>
  </si>
  <si>
    <t>91009784,69</t>
  </si>
  <si>
    <t>RECEITA PRIMÁRIA TOTAL  (XII) = (IV + XI)</t>
  </si>
  <si>
    <t>13044836600,00</t>
  </si>
  <si>
    <t>2000866459,80</t>
  </si>
  <si>
    <t>DESPESAS PRIMÁRIAS</t>
  </si>
  <si>
    <t>Despesas Pagas (a)</t>
  </si>
  <si>
    <t>Restos a Pagar Processados Pagos (b)</t>
  </si>
  <si>
    <t>Restos a pagar não processados</t>
  </si>
  <si>
    <t>Liquidados</t>
  </si>
  <si>
    <t>Pagos (c)</t>
  </si>
  <si>
    <t>DESPESAS CORRENTES (XIII)</t>
  </si>
  <si>
    <t>308329320,63</t>
  </si>
  <si>
    <t>318845689,77</t>
  </si>
  <si>
    <t>296450619,50</t>
  </si>
  <si>
    <t>Pessoal e Encargos Sociais</t>
  </si>
  <si>
    <t>230646758,25</t>
  </si>
  <si>
    <t>192058491,33</t>
  </si>
  <si>
    <t>191819411,81</t>
  </si>
  <si>
    <t>Juros e Encargos da Dívida (XIV)</t>
  </si>
  <si>
    <t>Outras Despesas Correntes</t>
  </si>
  <si>
    <t>77682562,38</t>
  </si>
  <si>
    <t>126787198,44</t>
  </si>
  <si>
    <t>104631207,69</t>
  </si>
  <si>
    <t xml:space="preserve">   Demais Despesas Correntes</t>
  </si>
  <si>
    <t>63682562,38</t>
  </si>
  <si>
    <t>DESPESAS PRIMÁRIAS CORRENTES (XV) = (XIII - XIV)</t>
  </si>
  <si>
    <t>10652723877,23</t>
  </si>
  <si>
    <t>2614805668,96</t>
  </si>
  <si>
    <t>1406381805,51</t>
  </si>
  <si>
    <t>1026853669,21</t>
  </si>
  <si>
    <t>DESPESAS DE CAPITAL (XVI)</t>
  </si>
  <si>
    <t>18774667,86</t>
  </si>
  <si>
    <t>30116502,18</t>
  </si>
  <si>
    <t>23126987,08</t>
  </si>
  <si>
    <t>Investimentos</t>
  </si>
  <si>
    <t>Inversões Financeiras</t>
  </si>
  <si>
    <t xml:space="preserve">   Concessão de Empréstimos e Financiamentos (XVII)</t>
  </si>
  <si>
    <t>10000,00</t>
  </si>
  <si>
    <t xml:space="preserve">   Aquisição de Título de Capital já Integralizado (XVIII)</t>
  </si>
  <si>
    <t xml:space="preserve">   Aquisição de Título de Crédito (XIX)</t>
  </si>
  <si>
    <t xml:space="preserve">   Demais Inversões Financeiras</t>
  </si>
  <si>
    <t>1156500,00</t>
  </si>
  <si>
    <t>Amortização da Dívida (XX)</t>
  </si>
  <si>
    <t>DESPESAS PRIMÁRIAS DE CAPITAL (XXI) = (XVI - XVII - XVIII - XIX - XX)</t>
  </si>
  <si>
    <t>1551754355,00</t>
  </si>
  <si>
    <t>RESERVA DE CONTINGÊNCIA (XXII)</t>
  </si>
  <si>
    <t>DESPESA PRIMÁRIA TOTAL (XXIII) = (XV + XXI + XXII)</t>
  </si>
  <si>
    <t>12320395832,23</t>
  </si>
  <si>
    <t>3091744086,96</t>
  </si>
  <si>
    <t>1530541515,52</t>
  </si>
  <si>
    <t>1136006797,24</t>
  </si>
  <si>
    <t>327103988,49</t>
  </si>
  <si>
    <t>348962191,95</t>
  </si>
  <si>
    <t>319577606,58</t>
  </si>
  <si>
    <t>RESULTADO PRIMÁRIO - ACIMA DA LINHA (XXIV) = [XIIA - (XXIIIA +XXIIIB + XXIIIC)]</t>
  </si>
  <si>
    <t>Valor</t>
  </si>
  <si>
    <t>RESULTADO PRIMÁRIO - Acima da Linha (XXIV) = [XIIa - (XXIIIa +XXIIIb + XXIIIc)]</t>
  </si>
  <si>
    <t>218178067,49</t>
  </si>
  <si>
    <t>META FISCAL PARA O RESULTADO PRIMÁRIO</t>
  </si>
  <si>
    <t>Valor Corrente</t>
  </si>
  <si>
    <t>Meta fixada no Anexo de Metas Fiscais da LDO para o exercício de referência</t>
  </si>
  <si>
    <t>139905000,00</t>
  </si>
  <si>
    <t>JUROS NOMINAIS</t>
  </si>
  <si>
    <t>VALOR INCORRIDO</t>
  </si>
  <si>
    <t>JUROS E ENCARGOS ATIVOS (XXV)</t>
  </si>
  <si>
    <t>JUROS E ENCARGOS PASSIVOS (XXVI)</t>
  </si>
  <si>
    <t>RESULTADO NOMINAL - ACIMA DA LINHA (XXVII) = (- XXIV - XXV + XXVI)</t>
  </si>
  <si>
    <t>RESULTADO NOMINAL - Acima da Linha (XXVII) =  XXIV + (XXV - XXVI)</t>
  </si>
  <si>
    <t>174238919,21</t>
  </si>
  <si>
    <t>META FISCAL PARA O RESULTADO NOMINAL</t>
  </si>
  <si>
    <t>-162873000,00</t>
  </si>
  <si>
    <t>CÁLCULO DO RESULTADO NOMINAL</t>
  </si>
  <si>
    <t>SALDO</t>
  </si>
  <si>
    <t>Em 31/12/2017 (a)</t>
  </si>
  <si>
    <t>DÍVIDA CONSOLIDADA (XXVIII)</t>
  </si>
  <si>
    <t>8798343085,31</t>
  </si>
  <si>
    <t>8757658834,36</t>
  </si>
  <si>
    <t>DEDUÇÕES (XXIX)</t>
  </si>
  <si>
    <t>1377644925,78</t>
  </si>
  <si>
    <t>1296885785,29</t>
  </si>
  <si>
    <t xml:space="preserve">   Disponibilidade de Caixa</t>
  </si>
  <si>
    <t xml:space="preserve">      Disponibilidade de Caixa Bruta</t>
  </si>
  <si>
    <t>1445376794,38</t>
  </si>
  <si>
    <t>1493955705,41</t>
  </si>
  <si>
    <t xml:space="preserve">      (-) Restos a Pagar Processados (XXX)</t>
  </si>
  <si>
    <t>67731868,60</t>
  </si>
  <si>
    <t>197069920,12</t>
  </si>
  <si>
    <t xml:space="preserve">   Demais Haveres Financeiros</t>
  </si>
  <si>
    <t>DÍVIDA CONSOLIDADA LÍQUIDA (XXXI) = (XXVIII - XXIX)</t>
  </si>
  <si>
    <t>7420698159,53</t>
  </si>
  <si>
    <t>7460773049,07</t>
  </si>
  <si>
    <t>DEMONSTRATIVO DA EXECUÇÃO DAS DESPESAS POR FUNÇÃO</t>
  </si>
  <si>
    <t>Até o Bimestre/ 2018</t>
  </si>
  <si>
    <t>RESULTADO NOMINAL - Abaixo da Linha (XXXII) = (XXXIa - XXXIb)</t>
  </si>
  <si>
    <t>-40074889,54</t>
  </si>
  <si>
    <t>AJUSTE METODOLÓGICO</t>
  </si>
  <si>
    <t>VARIAÇÃO SALDO RPP = (XXXIII) = (XXXa - XXXb)</t>
  </si>
  <si>
    <t>-129338051,52</t>
  </si>
  <si>
    <t>RECEITA DE ALIENAÇÃO DE INVESTIMENTOS PERMANENTES (IX)</t>
  </si>
  <si>
    <t>PASSIVOS RECONHECIDOS NA DC (XXXIV)</t>
  </si>
  <si>
    <t>86636879,82</t>
  </si>
  <si>
    <t>OUTROS AJUSTES (XXXV)</t>
  </si>
  <si>
    <t>RESULTADO NOMINAL AJUSTADO - Abaixo da Linha (XXXVI) = (XXXII - XXXIII - IX + XXXIV + XXXV)</t>
  </si>
  <si>
    <t>RESULTADO PRIMÁRIO - ABAIXO DA LINHA (XXXVII) =  XXXVI - (XXV - XXVI)</t>
  </si>
  <si>
    <t>RESULTADO PRIMÁRIO - Abaixo da Linha (XXXVII) =  XXXVI - (XXV - XXVI)</t>
  </si>
  <si>
    <t>INFORMAÇÕES ADICIONAIS</t>
  </si>
  <si>
    <t>SALDO DE EXERCÍCIOS ANTERIORES</t>
  </si>
  <si>
    <t>22984133,00</t>
  </si>
  <si>
    <t>Superávit Financeiro Utilizado para Abertura e Reabertura de Créditos Adicionais</t>
  </si>
  <si>
    <t>DESPESAS PRIMÁRIAS CORRENTES APURADAS CONFORME O ART. 4º DA LC 156/16                                                                                                     (INCLUÍDAS AS DESPESAS INTRA-ORÇAMENTÁRIAS)</t>
  </si>
  <si>
    <t>Até o Bimestre/2017</t>
  </si>
  <si>
    <t>Até o Bimestre/  2018</t>
  </si>
  <si>
    <t>INSCRITAS EM RESTOS A PAGAR NÃO PROCESSADOS</t>
  </si>
  <si>
    <t>DESPESAS CORRENTES (XXXVIII)</t>
  </si>
  <si>
    <t>5123768176,44</t>
  </si>
  <si>
    <t>2024405216,46</t>
  </si>
  <si>
    <t>1655527820,13</t>
  </si>
  <si>
    <t>1236065795,12</t>
  </si>
  <si>
    <t>Juros e Encargos da Dívida (XXXIX)</t>
  </si>
  <si>
    <t>1844505518,29</t>
  </si>
  <si>
    <t>810084979,51</t>
  </si>
  <si>
    <t>486070962,08</t>
  </si>
  <si>
    <t>367181693,22</t>
  </si>
  <si>
    <t>DESPESAS PRIMÁRIAS CORRENTES (XL) = (XXXVIII - XXXIX)</t>
  </si>
  <si>
    <t>Transferências Constitucionais (XLI)</t>
  </si>
  <si>
    <t>Contribuições para o PIS/PASEP (XLII)</t>
  </si>
  <si>
    <t>DESPESAS PRIMÁRIAS CORRENTES APURADAS CONFORME O ART. 4º DA LC 156/16 (XLIII) = (XL - XLI - XLII)</t>
  </si>
  <si>
    <t>6714254244,13</t>
  </si>
  <si>
    <t>2092899305,64</t>
  </si>
  <si>
    <t>1560852259,35</t>
  </si>
  <si>
    <t>Anexo 7 - Demonstrativo dos Restos a Pagar por Poder e Órgão</t>
  </si>
  <si>
    <t>LRF, Art. 53, inciso V</t>
  </si>
  <si>
    <t>Poder / Órgão</t>
  </si>
  <si>
    <t>RP Processados e Não Processados Liquidados em Exercícios Anteriores</t>
  </si>
  <si>
    <t>Inscritos em Exercícios Anteriores (a)</t>
  </si>
  <si>
    <t>Inscritos Em 31 de Dezembro de 2017 (b)</t>
  </si>
  <si>
    <t>Cancelados (d)</t>
  </si>
  <si>
    <t>Saldo e=(a+b)-(c+d)</t>
  </si>
  <si>
    <t>RP Não Processado</t>
  </si>
  <si>
    <t>Inscritos em Exercícios Anteriores (f)</t>
  </si>
  <si>
    <t>Inscritos Em 31 de Dezembro de 2017 (g)</t>
  </si>
  <si>
    <t>Liquidados (h)</t>
  </si>
  <si>
    <t>Pagos (i)</t>
  </si>
  <si>
    <t>Cancelados (j)</t>
  </si>
  <si>
    <t>Saldo k = ( f + g ) - ( i + j )</t>
  </si>
  <si>
    <t>Saldo Total L = (e + k)</t>
  </si>
  <si>
    <t>RESTOS A PAGAR (EXCETO INTRA-ORÇAMENTÁRIOS)(I)</t>
  </si>
  <si>
    <t>28013868,35</t>
  </si>
  <si>
    <t>406507146,09</t>
  </si>
  <si>
    <t>2022832,09</t>
  </si>
  <si>
    <t>105394193,86</t>
  </si>
  <si>
    <t>11381171,49</t>
  </si>
  <si>
    <t>1014244280,01</t>
  </si>
  <si>
    <t>348946962,72</t>
  </si>
  <si>
    <t>20043561,07</t>
  </si>
  <si>
    <t>686004283,85</t>
  </si>
  <si>
    <t>791398477,71</t>
  </si>
  <si>
    <t xml:space="preserve">   PODER EXECUTIVO</t>
  </si>
  <si>
    <t>359014034,35</t>
  </si>
  <si>
    <t>279968976,26</t>
  </si>
  <si>
    <t>105036094,35</t>
  </si>
  <si>
    <t>956032779,26</t>
  </si>
  <si>
    <t>321563820,36</t>
  </si>
  <si>
    <t>292296985,20</t>
  </si>
  <si>
    <t>18004222,18</t>
  </si>
  <si>
    <t>657112743,37</t>
  </si>
  <si>
    <t>762148837,72</t>
  </si>
  <si>
    <t xml:space="preserve">   PODER LEGISLATIVO</t>
  </si>
  <si>
    <t>11154532,18</t>
  </si>
  <si>
    <t>6963242,18</t>
  </si>
  <si>
    <t>3160591,63</t>
  </si>
  <si>
    <t>14674,00</t>
  </si>
  <si>
    <t>3787976,55</t>
  </si>
  <si>
    <t xml:space="preserve">      Assembleia Legislativa</t>
  </si>
  <si>
    <t>10394069,26</t>
  </si>
  <si>
    <t xml:space="preserve">      Tribunal de Contas do Estado</t>
  </si>
  <si>
    <t>758842,92</t>
  </si>
  <si>
    <t>6958799,18</t>
  </si>
  <si>
    <t>3156148,63</t>
  </si>
  <si>
    <t xml:space="preserve">      FUNTC</t>
  </si>
  <si>
    <t>1620,00</t>
  </si>
  <si>
    <t>4443,00</t>
  </si>
  <si>
    <t xml:space="preserve">   PODER JUDICIÁRIO</t>
  </si>
  <si>
    <t>35153056,26</t>
  </si>
  <si>
    <t>35137414,09</t>
  </si>
  <si>
    <t>15642,17</t>
  </si>
  <si>
    <t>18618679,00</t>
  </si>
  <si>
    <t>10871201,65</t>
  </si>
  <si>
    <t>10768680,67</t>
  </si>
  <si>
    <t>1707622,14</t>
  </si>
  <si>
    <t>6142376,19</t>
  </si>
  <si>
    <t>6158018,36</t>
  </si>
  <si>
    <t xml:space="preserve">      Tribunal de Justiça do Estado</t>
  </si>
  <si>
    <t>32732129,65</t>
  </si>
  <si>
    <t>32716927,48</t>
  </si>
  <si>
    <t>15202,17</t>
  </si>
  <si>
    <t xml:space="preserve">      FUNJECC</t>
  </si>
  <si>
    <t>2420926,61</t>
  </si>
  <si>
    <t>2420486,61</t>
  </si>
  <si>
    <t>440,00</t>
  </si>
  <si>
    <t>6142816,19</t>
  </si>
  <si>
    <t xml:space="preserve">   MINISTÉRIO PÚBLICO</t>
  </si>
  <si>
    <t>808440,98</t>
  </si>
  <si>
    <t>465984,41</t>
  </si>
  <si>
    <t>342456,57</t>
  </si>
  <si>
    <t>30606960,28</t>
  </si>
  <si>
    <t>12048605,38</t>
  </si>
  <si>
    <t>174761,58</t>
  </si>
  <si>
    <t>18383593,32</t>
  </si>
  <si>
    <t>18726049,89</t>
  </si>
  <si>
    <t xml:space="preserve">      Procuradoria Geral da Justiça</t>
  </si>
  <si>
    <t>18725077,81</t>
  </si>
  <si>
    <t>7263423,36</t>
  </si>
  <si>
    <t>173836,98</t>
  </si>
  <si>
    <t>11287817,47</t>
  </si>
  <si>
    <t>11630274,04</t>
  </si>
  <si>
    <t xml:space="preserve">      FEADMP/MS</t>
  </si>
  <si>
    <t>11881882,47</t>
  </si>
  <si>
    <t>4785182,02</t>
  </si>
  <si>
    <t>924,60</t>
  </si>
  <si>
    <t>7095775,85</t>
  </si>
  <si>
    <t xml:space="preserve">      FUNDROGAS/MS</t>
  </si>
  <si>
    <t xml:space="preserve">   DEFENSORIA PÚBLICA </t>
  </si>
  <si>
    <t>377082,32</t>
  </si>
  <si>
    <t>377081,55</t>
  </si>
  <si>
    <t>0,77</t>
  </si>
  <si>
    <t>2022619,29</t>
  </si>
  <si>
    <t>1302743,70</t>
  </si>
  <si>
    <t>142281,17</t>
  </si>
  <si>
    <t>577594,42</t>
  </si>
  <si>
    <t>577595,19</t>
  </si>
  <si>
    <t>RESTOS A PAGAR (Intra-Orçamentários)(II)</t>
  </si>
  <si>
    <t>30017245,50</t>
  </si>
  <si>
    <t>330164685,42</t>
  </si>
  <si>
    <t>298129179,12</t>
  </si>
  <si>
    <t>11321,90</t>
  </si>
  <si>
    <t>62041429,90</t>
  </si>
  <si>
    <t>503414,05</t>
  </si>
  <si>
    <t>91257,22</t>
  </si>
  <si>
    <t>500594,46</t>
  </si>
  <si>
    <t>594671,27</t>
  </si>
  <si>
    <t>62636101,17</t>
  </si>
  <si>
    <t xml:space="preserve">   EXECUTIVO</t>
  </si>
  <si>
    <t>317295684,71</t>
  </si>
  <si>
    <t>285260178,41</t>
  </si>
  <si>
    <t xml:space="preserve">   LEGISLATIVO</t>
  </si>
  <si>
    <t>3039388,98</t>
  </si>
  <si>
    <t>3037607,58</t>
  </si>
  <si>
    <t>1781,40</t>
  </si>
  <si>
    <t xml:space="preserve">   JUDICIÁRIO</t>
  </si>
  <si>
    <t>8681657,11</t>
  </si>
  <si>
    <t>1147954,62</t>
  </si>
  <si>
    <t>TOTAL(III) = (I+II)</t>
  </si>
  <si>
    <t>58031113,85</t>
  </si>
  <si>
    <t>736671831,51</t>
  </si>
  <si>
    <t>625233167,61</t>
  </si>
  <si>
    <t>2034153,99</t>
  </si>
  <si>
    <t>167435623,76</t>
  </si>
  <si>
    <t>11884585,54</t>
  </si>
  <si>
    <t>1014335537,23</t>
  </si>
  <si>
    <t>349447557,18</t>
  </si>
  <si>
    <t>686598955,12</t>
  </si>
  <si>
    <t>854034578,88</t>
  </si>
  <si>
    <t>Anexo 8 - Demonstrativo das Receitas e Despesas com Manutenção e Desenvolvimento do Ensino - MDE</t>
  </si>
  <si>
    <t>Lei 9.394/96 Art. 72</t>
  </si>
  <si>
    <t>RESULTANTE DE IMPOSTOS (CAPUT DO ART. 212 DA CONSTITUIÇÃO)</t>
  </si>
  <si>
    <t>% (c) = (b / a) * 100</t>
  </si>
  <si>
    <t>1- RECEITA DE IMPOSTOS</t>
  </si>
  <si>
    <t>9770909600,00</t>
  </si>
  <si>
    <t>1803840479,27</t>
  </si>
  <si>
    <t>18,46</t>
  </si>
  <si>
    <t xml:space="preserve">   1.1- Receita Resultante do Imposto sobre a Circulação de Mercadorias e Serviços de Transporte Interestadual e Intermunicipal e de Comunicação - ICMS</t>
  </si>
  <si>
    <t>1310225697,12</t>
  </si>
  <si>
    <t>16,02</t>
  </si>
  <si>
    <t xml:space="preserve">      1.1.1- ICMS</t>
  </si>
  <si>
    <t>8042640700,00</t>
  </si>
  <si>
    <t>1289810393,91</t>
  </si>
  <si>
    <t>16,04</t>
  </si>
  <si>
    <t xml:space="preserve">      1.1.2- Multas, Juros de Mora, Divida Ativa e Outros Encargos do ICMS</t>
  </si>
  <si>
    <t>54925300,00</t>
  </si>
  <si>
    <t>7176815,68</t>
  </si>
  <si>
    <t>13,07</t>
  </si>
  <si>
    <t xml:space="preserve">      1.1.3- Adicional de até 2% do ICMS destinado ao Fundo de Combate à Pobreza (ADCT, art. 82, §1º)</t>
  </si>
  <si>
    <t>80096900,00</t>
  </si>
  <si>
    <t>13238487,53</t>
  </si>
  <si>
    <t>16,53</t>
  </si>
  <si>
    <t xml:space="preserve">   1.2- Receita Resultante do Imposto de Transmissão Causa Mortis e Doação de Bens e Direitos – ITCD</t>
  </si>
  <si>
    <t>19180310,88</t>
  </si>
  <si>
    <t>16,10</t>
  </si>
  <si>
    <t xml:space="preserve">      1.2.1- ITCD</t>
  </si>
  <si>
    <t>118137000,00</t>
  </si>
  <si>
    <t>19051111,89</t>
  </si>
  <si>
    <t>16,13</t>
  </si>
  <si>
    <t xml:space="preserve">      1.2.2- Multas, Juros de Mora, Dívida Ativa e Outros Encargos do ITCD</t>
  </si>
  <si>
    <t>991500,00</t>
  </si>
  <si>
    <t>129198,99</t>
  </si>
  <si>
    <t>13,03</t>
  </si>
  <si>
    <t xml:space="preserve">   1.3- Receita Resultante do Imposto sobre a Propriedade de Veículos Automotores – IPVA</t>
  </si>
  <si>
    <t>344059116,97</t>
  </si>
  <si>
    <t>54,76</t>
  </si>
  <si>
    <t xml:space="preserve">      1.3.1- IPVA</t>
  </si>
  <si>
    <t>599125100,00</t>
  </si>
  <si>
    <t>340207652,80</t>
  </si>
  <si>
    <t>56,78</t>
  </si>
  <si>
    <t xml:space="preserve">      1.3.2- Multas, Juros de Mora, Dívida Ativa e Outros Encargos do IPVA</t>
  </si>
  <si>
    <t>29199300,00</t>
  </si>
  <si>
    <t>3851464,17</t>
  </si>
  <si>
    <t>13,19</t>
  </si>
  <si>
    <t xml:space="preserve">   1.4- Receita Resultante do Imposto sobre a Renda e Proventos de Qualquer Natureza Retido na Fonte – IRRF</t>
  </si>
  <si>
    <t>15,41</t>
  </si>
  <si>
    <t>2- RECEITA DE TRANSFERÊNCIAS CONSTITUCIONAIS E LEGAIS</t>
  </si>
  <si>
    <t>1472087700,00</t>
  </si>
  <si>
    <t>271186758,83</t>
  </si>
  <si>
    <t>63,08</t>
  </si>
  <si>
    <t xml:space="preserve">   2.1- Cota-Parte FPE</t>
  </si>
  <si>
    <t>239203008,40</t>
  </si>
  <si>
    <t>17,62</t>
  </si>
  <si>
    <t xml:space="preserve">   2.2- ICMS-Desoneração - L.C. nº87/1996</t>
  </si>
  <si>
    <t>2947726,88</t>
  </si>
  <si>
    <t>14,53</t>
  </si>
  <si>
    <t xml:space="preserve">   2.3- Cota-Parte IPI-Exportação</t>
  </si>
  <si>
    <t>29036023,55</t>
  </si>
  <si>
    <t>30,93</t>
  </si>
  <si>
    <t xml:space="preserve">   2.4- Cota-Parte IOF-Ouro</t>
  </si>
  <si>
    <t>3- DEDUÇÕES DE TRANSFERÊNCIAS CONSTITUCIONAIS AOS MUNICÍPIOS</t>
  </si>
  <si>
    <t>2362019150,00</t>
  </si>
  <si>
    <t>503535366,78</t>
  </si>
  <si>
    <t>101,71</t>
  </si>
  <si>
    <t xml:space="preserve">   3.1- PARCELA DO ICMS REPASSADA AOS MUNICÍPIOS (25% de (1.1 - 1.1.3))</t>
  </si>
  <si>
    <t>2024391500,00</t>
  </si>
  <si>
    <t>324246802,40</t>
  </si>
  <si>
    <t xml:space="preserve">   3.2- PARCELA DO IPVA REPASSADA AOS MUNICÍPIOS (50% de 1.3)</t>
  </si>
  <si>
    <t>314162200,00</t>
  </si>
  <si>
    <t>172029558,49</t>
  </si>
  <si>
    <t xml:space="preserve">   3.3- PARCELA DA COTA-PARTE DO IPI-EXPORTAÇÃO REPASSADA AOS MUNICÍPIOS (25% de 2.3)</t>
  </si>
  <si>
    <t>23465450,00</t>
  </si>
  <si>
    <t>7259005,89</t>
  </si>
  <si>
    <t>4- TOTAL DA RECEITA LÍQUIDA DE IMPOSTOS (1 + 2 - 3)</t>
  </si>
  <si>
    <t>8880978150,00</t>
  </si>
  <si>
    <t>1571491871,32</t>
  </si>
  <si>
    <t>17,70</t>
  </si>
  <si>
    <t>RECEITAS ADICIONAIS PARA FINANCIAMENTO DO ENSINO</t>
  </si>
  <si>
    <t>5- RECEITA DA APLICAÇÃO FINANCEIRA DE OUTROS RECURSOS DE IMPOSTOS VINCULADOS AO ENSINO</t>
  </si>
  <si>
    <t>6- RECEITA DE TRANSFERÊNCIAS DO FNDE</t>
  </si>
  <si>
    <t>100354300,00</t>
  </si>
  <si>
    <t>12578295,65</t>
  </si>
  <si>
    <t>12,53</t>
  </si>
  <si>
    <t xml:space="preserve">   6.1- Transferências do Salário-Educação</t>
  </si>
  <si>
    <t>55119500,00</t>
  </si>
  <si>
    <t>12018255,73</t>
  </si>
  <si>
    <t>21,80</t>
  </si>
  <si>
    <t xml:space="preserve">   6.2- Transferências Diretas – PDDE</t>
  </si>
  <si>
    <t xml:space="preserve">   6.3- Transferências Diretas – PNAE</t>
  </si>
  <si>
    <t>15000000,00</t>
  </si>
  <si>
    <t xml:space="preserve">   6.4 - Transferências Diretas – PNATE</t>
  </si>
  <si>
    <t xml:space="preserve">   6.5- Outras Transferências do FNDE</t>
  </si>
  <si>
    <t>28565000,00</t>
  </si>
  <si>
    <t xml:space="preserve">   6.6- Aplicação Financeira dos Recursos do FNDE</t>
  </si>
  <si>
    <t>1648800,00</t>
  </si>
  <si>
    <t>560039,92</t>
  </si>
  <si>
    <t>33,97</t>
  </si>
  <si>
    <t>7- RECEITA DE TRANSFERÊNCIAS DE CONVÊNIOS</t>
  </si>
  <si>
    <t>33214000,00</t>
  </si>
  <si>
    <t>11739641,56</t>
  </si>
  <si>
    <t>35,35</t>
  </si>
  <si>
    <t xml:space="preserve">   7.1- Transferências de Convênios</t>
  </si>
  <si>
    <t xml:space="preserve">   7.2- Aplicação Financeira dos Recursos de Convênios</t>
  </si>
  <si>
    <t>8 - RECEITA DE OPERAÇÕES DE CRÉDITO</t>
  </si>
  <si>
    <t>9 - OUTRAS RECEITAS PARA FINANCIAMENTO DO ENSINO</t>
  </si>
  <si>
    <t>10- TOTAL DAS RECEITAS ADICIONAIS PARA FINANCIAMENTO DO ENSINO (5+6+7+8+9)</t>
  </si>
  <si>
    <t>133568300,00</t>
  </si>
  <si>
    <t>24317937,21</t>
  </si>
  <si>
    <t>18,21</t>
  </si>
  <si>
    <t>RECEITAS DO FUNDEB</t>
  </si>
  <si>
    <t>11- RECEITAS DESTINADAS AO FUNDEB</t>
  </si>
  <si>
    <t>1607036870,00</t>
  </si>
  <si>
    <t>288223303,41</t>
  </si>
  <si>
    <t>17,94</t>
  </si>
  <si>
    <t>11.1- Receita Resultante do ICMS Destinada ao FUNDEB – (20% de (1.1 – 3.1))</t>
  </si>
  <si>
    <t>1230654280,00</t>
  </si>
  <si>
    <t>197195778,94</t>
  </si>
  <si>
    <t>11.2- Receita Resultante do ITCD Destinada ao FUNDEB – (20% de 1.2)</t>
  </si>
  <si>
    <t>23825700,00</t>
  </si>
  <si>
    <t>3836062,18</t>
  </si>
  <si>
    <t>11.3- Receita Resultante do IPVA Destinada ao FUNDEB – (20% de (1.3 – 3.2)</t>
  </si>
  <si>
    <t>62832440,00</t>
  </si>
  <si>
    <t>34405911,70</t>
  </si>
  <si>
    <t>11.4- Cota-Parte FPE Destinada ao FUNDEB – (20% de 2.1)</t>
  </si>
  <si>
    <t>271588920,00</t>
  </si>
  <si>
    <t>47840601,68</t>
  </si>
  <si>
    <t>11.5- ICMS-Desoneração Destinada ao FUNDEB – (20% de 2.2)</t>
  </si>
  <si>
    <t>4056260,00</t>
  </si>
  <si>
    <t>589545,38</t>
  </si>
  <si>
    <t>11.6- Cota-Parte IPI Exportação Destinada ao FUNDEB – (20% de (2.3 – 3.3))</t>
  </si>
  <si>
    <t>14079270,00</t>
  </si>
  <si>
    <t>4355403,53</t>
  </si>
  <si>
    <t>12- RECEITAS RECEBIDAS DO FUNDEB</t>
  </si>
  <si>
    <t>1030494000,00</t>
  </si>
  <si>
    <t>192966104,41</t>
  </si>
  <si>
    <t>12.1- Transferências de Recursos do FUNDEB</t>
  </si>
  <si>
    <t>12.2- Complementação da União ao FUNDEB</t>
  </si>
  <si>
    <t>12.3- Receita de Aplicação Financeira dos Recursos do FUNDEB</t>
  </si>
  <si>
    <t>3094700,00</t>
  </si>
  <si>
    <t>562929,94</t>
  </si>
  <si>
    <t>18,19</t>
  </si>
  <si>
    <t>13- RESULTADO LÍQUIDO DAS TRANSFERÊNCIAS DO FUNDEB (12.1 – 11)</t>
  </si>
  <si>
    <t>-579637570,00</t>
  </si>
  <si>
    <t>-95820128,94</t>
  </si>
  <si>
    <t>DESPESAS DO FUNDEB</t>
  </si>
  <si>
    <t>Dotação Atualizada (d)</t>
  </si>
  <si>
    <t>Até o Bimestre (e)</t>
  </si>
  <si>
    <t>% (f) = (e / d) * 100</t>
  </si>
  <si>
    <t>Até o Bimestre (g)</t>
  </si>
  <si>
    <t>% (h) = (g / d) * 100</t>
  </si>
  <si>
    <t>14- PAGAMENTO DOS PROFISSIONAIS DO MAGISTÉRIO</t>
  </si>
  <si>
    <t>1018494000,00</t>
  </si>
  <si>
    <t>194456071,04</t>
  </si>
  <si>
    <t>19,09</t>
  </si>
  <si>
    <t>162184844,01</t>
  </si>
  <si>
    <t>15,92</t>
  </si>
  <si>
    <t xml:space="preserve">   14.1- Com Ensino Fundamental</t>
  </si>
  <si>
    <t>611096400,00</t>
  </si>
  <si>
    <t>116673642,62</t>
  </si>
  <si>
    <t>97310906,41</t>
  </si>
  <si>
    <t xml:space="preserve">   14.2- Com Ensino Médio</t>
  </si>
  <si>
    <t>407397600,00</t>
  </si>
  <si>
    <t>77782428,42</t>
  </si>
  <si>
    <t>64873937,60</t>
  </si>
  <si>
    <t>15- OUTRAS DESPESAS</t>
  </si>
  <si>
    <t>12000000,00</t>
  </si>
  <si>
    <t>46000,48</t>
  </si>
  <si>
    <t xml:space="preserve">   15.1- Com Ensino Fundamental</t>
  </si>
  <si>
    <t xml:space="preserve">   15.2- Com Ensino Médio</t>
  </si>
  <si>
    <t>16- TOTAL DAS DESPESAS DO FUNDEB (14 + 15)</t>
  </si>
  <si>
    <t>194502071,52</t>
  </si>
  <si>
    <t>18,87</t>
  </si>
  <si>
    <t>162230844,49</t>
  </si>
  <si>
    <t>15,74</t>
  </si>
  <si>
    <t>DEDUÇÕES PARA FINS DE LIMITE DO FUNDEB</t>
  </si>
  <si>
    <t>17- RESTOS A PAGAR INSCRITOS NO EXERCÍCIO SEM DISPONIBILIDADE FINANCEIRA DE RECURSOS DO FUNDEB</t>
  </si>
  <si>
    <t xml:space="preserve">   17.1 – FUNDEB 60%</t>
  </si>
  <si>
    <t xml:space="preserve">   17.2 – FUNDEB 40%</t>
  </si>
  <si>
    <t>18- DESPESAS CUSTEADAS COM O SUPERÁVIT FINANCEIRO, DO EXERCÍCIO ANTERIOR, DO FUNDEB</t>
  </si>
  <si>
    <t xml:space="preserve">   18.1 – FUNDEB 60%</t>
  </si>
  <si>
    <t xml:space="preserve">   18.2 – FUNDEB 40%</t>
  </si>
  <si>
    <t>19- TOTAL DAS DEDUÇÕES CONSIDERADAS PARA FINS DE LIMITE DO FUNDEB (17 + 18)</t>
  </si>
  <si>
    <t>INDICADORES DO FUNDEB</t>
  </si>
  <si>
    <t>20- TOTAL DAS DESPESAS DO FUNDEB PARA FINS DE LIMITE (16 - 19)</t>
  </si>
  <si>
    <t>20.1 - Mínimo de 60% do FUNDEB na Remuneração do Magistério  ***1  (14 - (17.1 + 18.1)) / (12) x 100) %</t>
  </si>
  <si>
    <t>84,05</t>
  </si>
  <si>
    <t>20.2 - Máximo de 40% em Despesa com MDE, que não Remuneração do Magistério (15 - (17.2 + 18.2)) / (12) x 100) %</t>
  </si>
  <si>
    <t>20.3 - Máximo de 5% não Aplicado no Exercício (100 - (20.1 + 20.2)) %</t>
  </si>
  <si>
    <t>15,93</t>
  </si>
  <si>
    <t>CONTROLE DA UTILIZAÇÃO DE RECURSOS NO EXERCÍCIO SUBSEQUENTE</t>
  </si>
  <si>
    <t>21- RECURSOS RECEBIDOS DO FUNDEB EM 2017 QUE NÃO FORAM UTILIZADOS</t>
  </si>
  <si>
    <t>22 – DESPESAS CUSTEADAS COM O SALDO DO ITEM 21 ATÉ O 1º TRIMESTRE DE 2018 ***2</t>
  </si>
  <si>
    <t>DESPESAS COM AÇÕES TÍPICAS DE MANUTENÇÃO E DESENVOLVIMENTO DO ENSINO</t>
  </si>
  <si>
    <t>23- EDUCAÇÃO INFANTIL</t>
  </si>
  <si>
    <t xml:space="preserve">   23.1 - Creche</t>
  </si>
  <si>
    <t xml:space="preserve">   23.2 - Pré-escola</t>
  </si>
  <si>
    <t>24- ENSINO FUNDAMENTAL</t>
  </si>
  <si>
    <t>642281400,00</t>
  </si>
  <si>
    <t>121304162,80</t>
  </si>
  <si>
    <t>18,89</t>
  </si>
  <si>
    <t>97441474,49</t>
  </si>
  <si>
    <t>15,17</t>
  </si>
  <si>
    <t xml:space="preserve">   24.1- Despesas Custeadas com Recursos do FUNDEB</t>
  </si>
  <si>
    <t>623096400,00</t>
  </si>
  <si>
    <t>116719643,10</t>
  </si>
  <si>
    <t>97356906,89</t>
  </si>
  <si>
    <t>15,62</t>
  </si>
  <si>
    <t xml:space="preserve">   24.2- Despesas Custeadas com Outros Recursos de Impostos</t>
  </si>
  <si>
    <t>19185000,00</t>
  </si>
  <si>
    <t>23,90</t>
  </si>
  <si>
    <t>0,44</t>
  </si>
  <si>
    <t>25- ENSINO MÉDIO</t>
  </si>
  <si>
    <t>424680600,00</t>
  </si>
  <si>
    <t>83345262,42</t>
  </si>
  <si>
    <t>19,63</t>
  </si>
  <si>
    <t>15,28</t>
  </si>
  <si>
    <t xml:space="preserve">   25.1- Despesas Custeadas com Recursos do FUNDEB</t>
  </si>
  <si>
    <t xml:space="preserve">   25.2- Despesas Custeadas com Outros Recursos de Impostos</t>
  </si>
  <si>
    <t>17283000,00</t>
  </si>
  <si>
    <t>32,19</t>
  </si>
  <si>
    <t>26- ENSINO SUPERIOR</t>
  </si>
  <si>
    <t>6156400,00</t>
  </si>
  <si>
    <t>6307400,00</t>
  </si>
  <si>
    <t>822990,10</t>
  </si>
  <si>
    <t>13,05</t>
  </si>
  <si>
    <t>516223,98</t>
  </si>
  <si>
    <t>8,18</t>
  </si>
  <si>
    <t>27- ENSINO PROFISSIONAL NÃO INTEGRADO AO ENSINO REGULAR</t>
  </si>
  <si>
    <t>4089000,00</t>
  </si>
  <si>
    <t>26247,00</t>
  </si>
  <si>
    <t>0,64</t>
  </si>
  <si>
    <t>7803,00</t>
  </si>
  <si>
    <t>28- OUTRAS</t>
  </si>
  <si>
    <t>573216900,00</t>
  </si>
  <si>
    <t>732948113,84</t>
  </si>
  <si>
    <t>310381420,83</t>
  </si>
  <si>
    <t>42,35</t>
  </si>
  <si>
    <t>265821285,37</t>
  </si>
  <si>
    <t>36,27</t>
  </si>
  <si>
    <t>29- TOTAL DAS DESPESAS COM AÇÕES TÍPICAS DE MDE (23 + 24 + 25 + 26 + 27 + 28)</t>
  </si>
  <si>
    <t>1650924300,00</t>
  </si>
  <si>
    <t>1810806513,84</t>
  </si>
  <si>
    <t>515880083,15</t>
  </si>
  <si>
    <t>28,49</t>
  </si>
  <si>
    <t>428660724,44</t>
  </si>
  <si>
    <t>23,67</t>
  </si>
  <si>
    <t>DEDUÇÕES CONSIDERADAS PARA FINS DE LIMITE CONSTITUCIONAL DE APLICAÇÃO MÍNIMA EM MDE</t>
  </si>
  <si>
    <t>30- RESULTADO LÍQUIDO DAS TRANSFERÊNCIAS DO FUNDEB = (13)</t>
  </si>
  <si>
    <t>31- DESPESAS CUSTEADAS COM A COMPLEMENTAÇÃO DO FUNDEB NO EXERCÍCIO</t>
  </si>
  <si>
    <t>33- DESPESAS CUSTEADAS COM O SUPERÁVIT FINANCEIRO, DO EXERCÍCIO ANTERIOR, DO FUNDEB</t>
  </si>
  <si>
    <t>34- DESPESAS CUSTEADAS COM O SUPERÁVIT FINANCEIRO, DO EXERCÍCIO ANTERIOR, DE OUTROS RECURSOS DE IMPOSTOS</t>
  </si>
  <si>
    <t>35- RESTOS A PAGAR INSCRITOS NO EXERCÍCIO SEM DISPONIBILIDADE FINANCEIRA DE RECURSOS DE IMPOSTOS VINCULADOS AO ENSINO³</t>
  </si>
  <si>
    <t>36- CANCELAMENTO, NO EXERCÍCIO, DE RESTOS A PAGAR INSCRITOS COM DISPONIBILIDADE FINANCEIRA DE RECURSOS DE IMPOSTOS VINCULADOS AO ENSINO = (51 g)</t>
  </si>
  <si>
    <t>2436331,97</t>
  </si>
  <si>
    <t>37- TOTAL DAS DEDUÇÕES CONSIDERADAS PARA FINS DO LIMITE CONSTITUCIONAL (30 + 31 + 33 + 34 + 35 + 36)</t>
  </si>
  <si>
    <t>-93383796,97</t>
  </si>
  <si>
    <t>38- TOTAL DAS DESPESAS PARA FINS DE LIMITE (29 – 37)</t>
  </si>
  <si>
    <t>522044521,41</t>
  </si>
  <si>
    <t>39- PERCENTUAL DE APLICAÇÃO EM MDE SOBRE A RECEITA LÍQUIDA DE IMPOSTOS (38 / 4 x 100) % - LIMITE CONSTITUCIONAL 25%***4 e 5</t>
  </si>
  <si>
    <t>33,22</t>
  </si>
  <si>
    <t xml:space="preserve">OUTRAS DESPESAS CUSTEADAS COM RECEITAS ADICIONAIS PARA FINANCIAMENTO DO ENSINO </t>
  </si>
  <si>
    <t xml:space="preserve">Até o Bimestre (g) </t>
  </si>
  <si>
    <t>40- DESPESAS CUSTEADAS COM A APLICAÇÃO FINANCEIRA DE OUTROS RECURSOS DE IMPOSTOS VINCULADOS AO ENSINO</t>
  </si>
  <si>
    <t>41- DESPESAS CUSTEADAS COM A CONTRIBUIÇÃO SOCIAL DO SALÁRIO-EDUCAÇÃO</t>
  </si>
  <si>
    <t>56768300,00</t>
  </si>
  <si>
    <t>7049358,75</t>
  </si>
  <si>
    <t>12,42</t>
  </si>
  <si>
    <t>2635297,74</t>
  </si>
  <si>
    <t>4,64</t>
  </si>
  <si>
    <t>42- DESPESAS CUSTEADAS COM OPERAÇÕES DE CRÉDITO</t>
  </si>
  <si>
    <t>43- DESPESAS CUSTEADAS COM OUTRAS RECEITAS PARA FINANCIAMENTO DO ENSINO</t>
  </si>
  <si>
    <t>79427600,00</t>
  </si>
  <si>
    <t>26644156,30</t>
  </si>
  <si>
    <t>33,55</t>
  </si>
  <si>
    <t>11804655,56</t>
  </si>
  <si>
    <t>14,86</t>
  </si>
  <si>
    <t>44- TOTAL DAS OUTRAS DESPESAS CUSTEADAS COM RECEITAS ADICIONAIS PARA FINANCIAMENTO DO ENSINO (40 + 41 + 42 + 43)</t>
  </si>
  <si>
    <t>136195900,00</t>
  </si>
  <si>
    <t>33693515,05</t>
  </si>
  <si>
    <t>24,74</t>
  </si>
  <si>
    <t>14439953,30</t>
  </si>
  <si>
    <t>10,60</t>
  </si>
  <si>
    <t>45- TOTAL GERAL DAS DESPESAS COM EDUCAÇÃO</t>
  </si>
  <si>
    <t>1787120200,00</t>
  </si>
  <si>
    <t>1947002413,84</t>
  </si>
  <si>
    <t>549573598,20</t>
  </si>
  <si>
    <t>28,23</t>
  </si>
  <si>
    <t>443100677,74</t>
  </si>
  <si>
    <t>22,76</t>
  </si>
  <si>
    <t>RESTOS A PAGAR INSCRITOS COM DISPONIBILIDADE FINANCEIRA_x000D_
DE RECURSOS DE IMPOSTOS VINCULADOS AO ENSINO</t>
  </si>
  <si>
    <t>Saldo Até o Bimestre</t>
  </si>
  <si>
    <t>Cancelado em 2018 (j)</t>
  </si>
  <si>
    <t>46- RESTOS A PAGAR DE DESPESAS COM MDE</t>
  </si>
  <si>
    <t>27392624,71</t>
  </si>
  <si>
    <t>46.1 - Executadas com Recursos de Impostos Vinculados ao Ensino</t>
  </si>
  <si>
    <t>27371711,86</t>
  </si>
  <si>
    <t>2255698,46</t>
  </si>
  <si>
    <t xml:space="preserve">46.2 - Executadas com Recursos do FUNDEB </t>
  </si>
  <si>
    <t>20912,85</t>
  </si>
  <si>
    <t>180633,51</t>
  </si>
  <si>
    <t>CONTROLE DA DISPONIBILIDADE FINANCEIRA</t>
  </si>
  <si>
    <t>FUNDEB</t>
  </si>
  <si>
    <t>SALÁRIO EDUCAÇÃO</t>
  </si>
  <si>
    <t xml:space="preserve">   47- SALDO FINANCEIRO EM 31 DE DEZEMBRO DE 2017</t>
  </si>
  <si>
    <t>62359485,89</t>
  </si>
  <si>
    <t>-434745,83</t>
  </si>
  <si>
    <t xml:space="preserve">   48- (+) INGRESSO DE RECURSOS ATÉ O BIMESTRE</t>
  </si>
  <si>
    <t>12105239,67</t>
  </si>
  <si>
    <t xml:space="preserve">   49- (-) PAGAMENTOS EFETUADOS ATÉ O BIMESTRE</t>
  </si>
  <si>
    <t>121968769,41</t>
  </si>
  <si>
    <t>4339910,46</t>
  </si>
  <si>
    <t xml:space="preserve">      49.1 Orçamento do Exercício</t>
  </si>
  <si>
    <t>87048776,76</t>
  </si>
  <si>
    <t>2632474,69</t>
  </si>
  <si>
    <t xml:space="preserve">      49.2 Restos a Pagar</t>
  </si>
  <si>
    <t>34919992,65</t>
  </si>
  <si>
    <t>1707435,77</t>
  </si>
  <si>
    <t xml:space="preserve">   50- (+) RECEITA DE APLICAÇÃO FINANCEIRA DOS RECURSOS ATÉ O BIMESTRE</t>
  </si>
  <si>
    <t>51- (=) DISPONIBILIDADE FINANCEIRA ATÉ O BIMESTRE</t>
  </si>
  <si>
    <t>133356820,89</t>
  </si>
  <si>
    <t>7890623,30</t>
  </si>
  <si>
    <t>52-  (+) Ajustes</t>
  </si>
  <si>
    <t xml:space="preserve">   52.1 Retenções</t>
  </si>
  <si>
    <t xml:space="preserve">   52.2 Conciliação Bancária</t>
  </si>
  <si>
    <t>53- (=) SALDO FINANCEIRO CONCILIADO</t>
  </si>
  <si>
    <t>Anexo 12 - Demonstrativo Das Receitas E Despesas Com Ações E Serviços Públicos De Saúde</t>
  </si>
  <si>
    <t>RREO – ANEXO 12 (LC 141/2012, art. 35)</t>
  </si>
  <si>
    <t xml:space="preserve">RECEITAS PARA APURAÇÃO DA APLICAÇÃO EM AÇÕES E SERVIÇOS PÚBLICOS DE SAÚDE </t>
  </si>
  <si>
    <t>% (b/a) x 100</t>
  </si>
  <si>
    <t xml:space="preserve">RECEITA DE IMPOSTOS LÍQUIDA (I) </t>
  </si>
  <si>
    <t xml:space="preserve">   Impostos s/ Transmissão "causa mortis" e Doação - ITCD</t>
  </si>
  <si>
    <t xml:space="preserve">   Imposto s/ Circulação de Mercad. e Serv. de Transp.e Interestadual e Intermunicipal e de Comunicação - ICMS </t>
  </si>
  <si>
    <t>8122737600,00</t>
  </si>
  <si>
    <t>1303048881,44</t>
  </si>
  <si>
    <t xml:space="preserve">   Imposto s/ Propriedade de Veículos Automotores - IPVA</t>
  </si>
  <si>
    <t xml:space="preserve">   Imposto de Renda Retido na Fonte - IRRF  </t>
  </si>
  <si>
    <t xml:space="preserve">   Multas, Juros de Mora e Outros Encargos dos Impostos</t>
  </si>
  <si>
    <t>70710900,00</t>
  </si>
  <si>
    <t>5849737,54</t>
  </si>
  <si>
    <t>8,27</t>
  </si>
  <si>
    <t xml:space="preserve">   Divida Ativa dos Impostos</t>
  </si>
  <si>
    <t>14405200,00</t>
  </si>
  <si>
    <t>5307741,30</t>
  </si>
  <si>
    <t>36,85</t>
  </si>
  <si>
    <t xml:space="preserve">   Multas, Juros de Mora e Outros Encargos da Dívida Ativa  </t>
  </si>
  <si>
    <t xml:space="preserve">RECEITA DE TRANSFERÊNCIAS CONSTITUCIONAIS E LEGAIS (II) </t>
  </si>
  <si>
    <t>18,42</t>
  </si>
  <si>
    <t xml:space="preserve">   Cota-Parte IPI-Exportação </t>
  </si>
  <si>
    <t xml:space="preserve">   Compensações Financeiras Provenientes de Impostos e Transf. Constitucionais </t>
  </si>
  <si>
    <t xml:space="preserve">      Desoneração ICMS (LC 87/96) </t>
  </si>
  <si>
    <t xml:space="preserve">      Outras  </t>
  </si>
  <si>
    <t>DEDUÇÕES DE TRANSFERÊNCIAS CONSTITUCIONAIS AOS MUNICÍPIOS (III)</t>
  </si>
  <si>
    <t>21,32</t>
  </si>
  <si>
    <t xml:space="preserve">   Parcela do ICMS Repassada aos Municípios</t>
  </si>
  <si>
    <t xml:space="preserve">   Parcela do IPVA Repassada aos Municípios</t>
  </si>
  <si>
    <t xml:space="preserve">   Parcela da Cota-Parte do IPI-Exportação Repassada aos Municípios</t>
  </si>
  <si>
    <t xml:space="preserve">TOTAL DAS RECEITAS PARA APURAÇÃO DA APLICAÇÃO EM AÇÕES E SERVIÇOS PÚBLICOS DE SAÚDE (IV) = I + II - III  </t>
  </si>
  <si>
    <t xml:space="preserve">RECEITAS ADICIONAIS PARA FINANCIAMENTO DA SAÚDE </t>
  </si>
  <si>
    <t>Previsão Atualizada (c)</t>
  </si>
  <si>
    <t>% (d/c) x 100</t>
  </si>
  <si>
    <t>TRANSFERÊNCIA DE RECURSOS DO SISTEMA ÚNICO DE SAÚDE-SUS</t>
  </si>
  <si>
    <t>334256700,00</t>
  </si>
  <si>
    <t>45965765,55</t>
  </si>
  <si>
    <t>13,75</t>
  </si>
  <si>
    <t xml:space="preserve">   Provenientes da União</t>
  </si>
  <si>
    <t>257587000,00</t>
  </si>
  <si>
    <t>36058561,24</t>
  </si>
  <si>
    <t>14,00</t>
  </si>
  <si>
    <t xml:space="preserve">   Provenientes de Outros Estados</t>
  </si>
  <si>
    <t xml:space="preserve">   Provenientes de Municípios</t>
  </si>
  <si>
    <t xml:space="preserve">   Outras Receitas do SUS</t>
  </si>
  <si>
    <t>76669700,00</t>
  </si>
  <si>
    <t>9907204,31</t>
  </si>
  <si>
    <t>12,92</t>
  </si>
  <si>
    <t>TRANSFERÊNCIAS VOLUNTÁRIAS</t>
  </si>
  <si>
    <t>150000,00</t>
  </si>
  <si>
    <t>RECEITAS DE OPERAÇÕES DE CRÉDITO VINCULADAS À SAÚDE</t>
  </si>
  <si>
    <t>OUTRAS RECEITAS PARA FINANCIAMENTO DA SAÚDE</t>
  </si>
  <si>
    <t>TOTAL RECEITAS ADICIONAIS PARA FINANCIAMENTO DA SAÚDE</t>
  </si>
  <si>
    <t>334406700,00</t>
  </si>
  <si>
    <t xml:space="preserve">DESPESAS COM SAÚDE (POR GRUPO DE NATUREZA DA DESPESA) </t>
  </si>
  <si>
    <t xml:space="preserve"> %  (f / e) x 100  </t>
  </si>
  <si>
    <t>%  (g / e) x 100</t>
  </si>
  <si>
    <t>1327272900,00</t>
  </si>
  <si>
    <t>1384235781,03</t>
  </si>
  <si>
    <t>281723734,55</t>
  </si>
  <si>
    <t>20,35</t>
  </si>
  <si>
    <t>209558194,22</t>
  </si>
  <si>
    <t>15,14</t>
  </si>
  <si>
    <t xml:space="preserve">   Pessoal e Encargos Sociais</t>
  </si>
  <si>
    <t>454403200,00</t>
  </si>
  <si>
    <t>451558200,00</t>
  </si>
  <si>
    <t>71462346,68</t>
  </si>
  <si>
    <t>15,83</t>
  </si>
  <si>
    <t>63165726,17</t>
  </si>
  <si>
    <t>13,99</t>
  </si>
  <si>
    <t xml:space="preserve">   Juros e Encargos da Dívida</t>
  </si>
  <si>
    <t>1301100,00</t>
  </si>
  <si>
    <t>131777,65</t>
  </si>
  <si>
    <t>10,13</t>
  </si>
  <si>
    <t xml:space="preserve">   Outras Despesas Correntes</t>
  </si>
  <si>
    <t>871568600,00</t>
  </si>
  <si>
    <t>931376481,03</t>
  </si>
  <si>
    <t>210129610,22</t>
  </si>
  <si>
    <t>22,56</t>
  </si>
  <si>
    <t>146260690,40</t>
  </si>
  <si>
    <t>15,70</t>
  </si>
  <si>
    <t>148749400,00</t>
  </si>
  <si>
    <t>183260622,00</t>
  </si>
  <si>
    <t>31347119,62</t>
  </si>
  <si>
    <t>17,11</t>
  </si>
  <si>
    <t>308312,26</t>
  </si>
  <si>
    <t xml:space="preserve">   Investimentos</t>
  </si>
  <si>
    <t>145708500,00</t>
  </si>
  <si>
    <t>180219722,00</t>
  </si>
  <si>
    <t>31038807,36</t>
  </si>
  <si>
    <t>17,22</t>
  </si>
  <si>
    <t xml:space="preserve">   Inversões Financeiras</t>
  </si>
  <si>
    <t>500,00</t>
  </si>
  <si>
    <t xml:space="preserve">   Amortização da Dívida</t>
  </si>
  <si>
    <t>3040400,00</t>
  </si>
  <si>
    <t>10,14</t>
  </si>
  <si>
    <t>TOTAL DAS DESPESAS COM SAÚDE (V)</t>
  </si>
  <si>
    <t>1476022300,00</t>
  </si>
  <si>
    <t>1567496403,03</t>
  </si>
  <si>
    <t>313070854,17</t>
  </si>
  <si>
    <t>19,97</t>
  </si>
  <si>
    <t>209866506,48</t>
  </si>
  <si>
    <t>13,39</t>
  </si>
  <si>
    <t xml:space="preserve">DESPESAS COM SAÚDE NÃO COMPUTADAS PARA FINS DE APURAÇÃO DO PERCENTUAL MÍNIMO </t>
  </si>
  <si>
    <t>% (h / Vf) x 100</t>
  </si>
  <si>
    <t>Até o Bimestre (i)</t>
  </si>
  <si>
    <t>% (i / Vg) x 100</t>
  </si>
  <si>
    <t>DESPESAS COM INATIVOS E PENSIONISTAS</t>
  </si>
  <si>
    <t>3,19</t>
  </si>
  <si>
    <t>DESPESA COM ASSISTÊNCIA À SAÚDE QUE NÃO ATENDE AO PRINCÍPIO DE ACESSO UNIVERSAL</t>
  </si>
  <si>
    <t>DESPESAS CUSTEADAS COM OUTROS RECURSOS</t>
  </si>
  <si>
    <t>334487700,00</t>
  </si>
  <si>
    <t>344487700,00</t>
  </si>
  <si>
    <t>32303867,67</t>
  </si>
  <si>
    <t>10,32</t>
  </si>
  <si>
    <t>8760434,18</t>
  </si>
  <si>
    <t>4,17</t>
  </si>
  <si>
    <t xml:space="preserve">   Recursos de Transferência do Sistema Único de Saúde - SUS</t>
  </si>
  <si>
    <t>262700000,00</t>
  </si>
  <si>
    <t>16397903,49</t>
  </si>
  <si>
    <t>5,24</t>
  </si>
  <si>
    <t>6884053,51</t>
  </si>
  <si>
    <t>3,28</t>
  </si>
  <si>
    <t xml:space="preserve">   Recursos de Operações de Crédito</t>
  </si>
  <si>
    <t>10000000,00</t>
  </si>
  <si>
    <t xml:space="preserve">   Outros Recursos</t>
  </si>
  <si>
    <t>71787700,00</t>
  </si>
  <si>
    <t>5905964,18</t>
  </si>
  <si>
    <t>1,89</t>
  </si>
  <si>
    <t>1876380,67</t>
  </si>
  <si>
    <t>0,89</t>
  </si>
  <si>
    <t>OUTRAS AÇÕES E SERVIÇOS NÃO COMPUTADOS</t>
  </si>
  <si>
    <t>RESTOS A PAGAR NÃO PROCESSADOS INSCRITOS INDEVIDAMENTE NO EXERCÍCIO SEM DISPONIBILIDADE FINANCEIRA ***1</t>
  </si>
  <si>
    <t>DESPESAS CUSTEADAS COM DISPONIBILIDADE DE CAIXA VINCULADA A RESTOS A PAGAR CANCELADOS ***2</t>
  </si>
  <si>
    <t>DESPESAS CUSTEADAS COM RECURSOS VINCULADOS À PARCELA DO PERCENTUAL MINIMO QUE NÃO FOI APLICADA EM AÇÕES E SERVIÇOS DE SAÚDE EM EXERCÍCIOS ANTERIORES ***3</t>
  </si>
  <si>
    <t>TOTAL DAS DESPESAS COM SAÚDE NÃO COMPUTADAS (VI)</t>
  </si>
  <si>
    <t>UTILIZA DO ANTERIOR</t>
  </si>
  <si>
    <t xml:space="preserve">% (h / IVf) x 100  </t>
  </si>
  <si>
    <t>% (i / IVg) x 100</t>
  </si>
  <si>
    <t>TOTAL DAS DESPESAS COM AÇÕES E SERVIÇOS PÚBLICOS DE SAÚDE (VII) = (V - VI)</t>
  </si>
  <si>
    <t>1141534600,00</t>
  </si>
  <si>
    <t>1223008703,03</t>
  </si>
  <si>
    <t>280766986,50</t>
  </si>
  <si>
    <t>89,68</t>
  </si>
  <si>
    <t>201106072,30</t>
  </si>
  <si>
    <t>95,83</t>
  </si>
  <si>
    <t>% DE APLICAÇÃO NA SAÚDE</t>
  </si>
  <si>
    <t>PERCENTUAL DE APLICAÇÃO EM AÇÕES E SERVIÇOS PÚBLICOS DE SAÚDE SOBRE A RECEITA  DE IMPOSTOS LÍQUIDA E TRANSFERÊNCIAS CONSTITUCIONAIS E LEGAIS (VIII%) = (VII(h ou i) / IVb x 100)***6 - LIMITE CONSTITUCIONAL 12% ***4 e ***5</t>
  </si>
  <si>
    <t>12,80</t>
  </si>
  <si>
    <t>VALOR REFERENTE À DIFERENÇA ENTRE O VALOR EXECUTADO E O LIMITE MÍNIMO CONSTITUCIONAL</t>
  </si>
  <si>
    <t>VALOR REFERENTE À DIFERENÇA ENTRE O VALOR EXECUTADO E O LIMITE MÍNIMO CONSTITUCIONAL  [VII(h ou i) - (12 x IVb)/100]***6</t>
  </si>
  <si>
    <t>12527047,74</t>
  </si>
  <si>
    <t>EXECUÇÃO DE RESTOS A PAGAR INSCRITOS COM DISPONIBILIDADE DE CAIXA</t>
  </si>
  <si>
    <t>INSCRITOS</t>
  </si>
  <si>
    <t>CANCELADOS / PRESCRITOS</t>
  </si>
  <si>
    <t>PAGOS</t>
  </si>
  <si>
    <t>A PAGAR</t>
  </si>
  <si>
    <t>PARCELA CONSIDERADA NO LIMITE</t>
  </si>
  <si>
    <t>Inscritos em 2018</t>
  </si>
  <si>
    <t>Inscritos em 2017</t>
  </si>
  <si>
    <t>223484032,64</t>
  </si>
  <si>
    <t>7042537,54</t>
  </si>
  <si>
    <t>78762606,78</t>
  </si>
  <si>
    <t>137678888,32</t>
  </si>
  <si>
    <t>Inscritos em 2016</t>
  </si>
  <si>
    <t>5691153,47</t>
  </si>
  <si>
    <t>20063,24</t>
  </si>
  <si>
    <t>2501414,90</t>
  </si>
  <si>
    <t>3169675,33</t>
  </si>
  <si>
    <t>Inscritos em 2015</t>
  </si>
  <si>
    <t>6761047,59</t>
  </si>
  <si>
    <t>625,00</t>
  </si>
  <si>
    <t>6260422,59</t>
  </si>
  <si>
    <t>Inscritos em 2014</t>
  </si>
  <si>
    <t>1865122,30</t>
  </si>
  <si>
    <t>Inscritos em Exercícios Anteriores a Referência 2014</t>
  </si>
  <si>
    <t>TOTAL</t>
  </si>
  <si>
    <t>243492509,47</t>
  </si>
  <si>
    <t>7562600,78</t>
  </si>
  <si>
    <t>81264646,68</t>
  </si>
  <si>
    <t>154665262,01</t>
  </si>
  <si>
    <t>CONTROLE DOS RESTOS A PAGAR  CANCELADOS OU PRESCRITOS PARA FINS DE APLICAÇÃO DA DISPONIBILIDADE DE CAIXA  CONFORME ARTIGO 24, § 1º E 2º</t>
  </si>
  <si>
    <t>RESTOS A PAGAR CANCELADOS OU PRESCRITOS</t>
  </si>
  <si>
    <t>Saldo Inicial</t>
  </si>
  <si>
    <t xml:space="preserve">Desp. custeadas no exerc. de referência (j)  </t>
  </si>
  <si>
    <t xml:space="preserve">Saldo Final  (Não Aplicado)  </t>
  </si>
  <si>
    <t xml:space="preserve">Restos a Pagar Cancelados ou Prescritos em 2018 </t>
  </si>
  <si>
    <t xml:space="preserve">Restos a Pagar Cancelados ou Prescritos em 2017 </t>
  </si>
  <si>
    <t xml:space="preserve">Restos a Pagar Cancelados ou Prescritos em 2016 </t>
  </si>
  <si>
    <t xml:space="preserve">Restos a Pagar Cancelados ou Prescritos em 2015 </t>
  </si>
  <si>
    <t xml:space="preserve">Restos a Pagar Cancelados ou Prescritos em 2014 </t>
  </si>
  <si>
    <t>Total (IX)</t>
  </si>
  <si>
    <t>CONTROLE DO VALOR REFERENTE AO PERCENTUAL MÍNIMO NÃO CUMPRIDO EM EXERCÍCIOS ANTERIORES PARA FINS DE APLICAÇÃO DOS RECURSOS VINCULADOS CONFORME ARTIGOS 25 E 26</t>
  </si>
  <si>
    <t>LIMITE NÃO CUMPRIDO</t>
  </si>
  <si>
    <t>Desp. custeadas no exerc. de referência (k)</t>
  </si>
  <si>
    <t>Diferença de limite não cumprido em 2017</t>
  </si>
  <si>
    <t>Diferença de limite não cumprido em 2016</t>
  </si>
  <si>
    <t>Diferença de limite não cumprido em 2015</t>
  </si>
  <si>
    <t>Diferença de limite não cumprido em 2014</t>
  </si>
  <si>
    <t>Diferença de limite não cumprido em 2013</t>
  </si>
  <si>
    <t>Diferença de limite não cumprido em Exercícios Anteriores a Referência 2013</t>
  </si>
  <si>
    <t>Total (X)</t>
  </si>
  <si>
    <t xml:space="preserve">DESPESAS COM SAÚDE (POR SUBFUNÇÃO) _x000D_
</t>
  </si>
  <si>
    <t xml:space="preserve">Até o Bimestre (I) </t>
  </si>
  <si>
    <t>%  (l / Total I) x 100</t>
  </si>
  <si>
    <t xml:space="preserve">Até o Bimestre (m) </t>
  </si>
  <si>
    <t>%  (m/Total m) x 100</t>
  </si>
  <si>
    <t>Atenção Básica</t>
  </si>
  <si>
    <t>91194200,00</t>
  </si>
  <si>
    <t>4,40</t>
  </si>
  <si>
    <t>2,46</t>
  </si>
  <si>
    <t>Assistência Hospitalar e Ambulatorial</t>
  </si>
  <si>
    <t>27,17</t>
  </si>
  <si>
    <t>7,62</t>
  </si>
  <si>
    <t>Suporte Profilático e Terapêutico</t>
  </si>
  <si>
    <t>2,67</t>
  </si>
  <si>
    <t>1,33</t>
  </si>
  <si>
    <t>Vigilância Sanitária</t>
  </si>
  <si>
    <t>Vigilância Epidemiológica</t>
  </si>
  <si>
    <t>0,84</t>
  </si>
  <si>
    <t>Alimentação e Nutrição</t>
  </si>
  <si>
    <t>Outras Subfunções</t>
  </si>
  <si>
    <t>661546600,00</t>
  </si>
  <si>
    <t>693069781,03</t>
  </si>
  <si>
    <t>203244127,34</t>
  </si>
  <si>
    <t>64,92</t>
  </si>
  <si>
    <t>185831703,52</t>
  </si>
  <si>
    <t>88,55</t>
  </si>
  <si>
    <t>Anexo 13 - Demonstrativo das Parcerias Público-Privadas</t>
  </si>
  <si>
    <t>Lei nº 11.079, de 30.12.2004, arts. 22, 25 e 28</t>
  </si>
  <si>
    <t>IMPACTOS DAS CONTRATAÇÕES DE PPP</t>
  </si>
  <si>
    <t>SALDO TOTAL EM 31 DE DEZEMBRO DO EXERCÍCIO ANTERIOR</t>
  </si>
  <si>
    <t>REGISTROS EFETUADOS EM 2018</t>
  </si>
  <si>
    <t>Até o Bimestre</t>
  </si>
  <si>
    <t>TOTAL DE ATIVOS</t>
  </si>
  <si>
    <t>Ativos Constituídos pela SPE</t>
  </si>
  <si>
    <t xml:space="preserve">TOTAL DE PASSIVOS </t>
  </si>
  <si>
    <t>Obrigações decorrentes de Ativos Constituídos pela SPE</t>
  </si>
  <si>
    <t>Provisões de PPP</t>
  </si>
  <si>
    <t>Outros passivos</t>
  </si>
  <si>
    <t>ATOS POTENCIAIS PASSIVOS</t>
  </si>
  <si>
    <t>Obrigações Contratuais</t>
  </si>
  <si>
    <t>Riscos Não Provisionados</t>
  </si>
  <si>
    <t>Garantias Concedidas</t>
  </si>
  <si>
    <t>Outros Passivos Contingentes</t>
  </si>
  <si>
    <t>DESPESAS DE PPP</t>
  </si>
  <si>
    <t>Exercício Anterior</t>
  </si>
  <si>
    <t>Exercício Corrente</t>
  </si>
  <si>
    <t>Ano 2019</t>
  </si>
  <si>
    <t>Ano 2020</t>
  </si>
  <si>
    <t>Ano 2021</t>
  </si>
  <si>
    <t>Ano 2022</t>
  </si>
  <si>
    <t>Ano 2023</t>
  </si>
  <si>
    <t>Ano 2024</t>
  </si>
  <si>
    <t>Ano 2025</t>
  </si>
  <si>
    <t>Ano 2026</t>
  </si>
  <si>
    <t>Ano 2027</t>
  </si>
  <si>
    <t>Do Ente Federado, exceto estatatais não dependentes (I)</t>
  </si>
  <si>
    <t>Das Estatais Não-dependentes</t>
  </si>
  <si>
    <t>TOTAL DAS DESPESAS</t>
  </si>
  <si>
    <t>PPP A CONTRATAR (II)</t>
  </si>
  <si>
    <t>RECEITA CORRENTE LÍQUIDA (RCL) (III)</t>
  </si>
  <si>
    <t>9747254504,20</t>
  </si>
  <si>
    <t>TOTAL DAS DESPESAS CONSIDERADAS PARA O LIMITE (IV = I + II)</t>
  </si>
  <si>
    <t>TOTAL DAS DESPESAS / RCL (%) (V = IV / III)</t>
  </si>
  <si>
    <t>Anexo 14 - Demonstrativo Simplificado do Relatório Resumido da Execução Orçamentária</t>
  </si>
  <si>
    <t>LRF, Art. 48</t>
  </si>
  <si>
    <t>BALANÇO ORÇAMENTÁRIO</t>
  </si>
  <si>
    <t>Déficit Orçamentário</t>
  </si>
  <si>
    <t>Saldos de Exercícios Anteriores (Utilizados para Créditos Adicionais)</t>
  </si>
  <si>
    <t>Créditos Adicionais</t>
  </si>
  <si>
    <t>443239133,00</t>
  </si>
  <si>
    <t>Despesas Pagas</t>
  </si>
  <si>
    <t>Superávit Orçamentário</t>
  </si>
  <si>
    <t>DESPESAS POR FUNÇÃO / SUBFUNÇÃO</t>
  </si>
  <si>
    <t>RECEITA CORRENTE LÍQUIDA - RCL</t>
  </si>
  <si>
    <t>Receita Corrente Líquida</t>
  </si>
  <si>
    <t>RECEITAS E DESPESAS DO REGIME PRÓPRIO DE PREVIDÊNCIA DOS SERVIDORES</t>
  </si>
  <si>
    <t>Regime Próprio de Previdência dos Servidores - PLANO PREVIDENCIÁRIO</t>
  </si>
  <si>
    <t>Receitas Previdenciárias Realizadas</t>
  </si>
  <si>
    <t>Despesas Previdenciárias</t>
  </si>
  <si>
    <t>Resultado Previdenciário</t>
  </si>
  <si>
    <t>Regime Próprio de Previdência dos Servidores - PLANO FINANCEIRO</t>
  </si>
  <si>
    <t>Despesas Previdenciárias Liquidadas</t>
  </si>
  <si>
    <t>RESULTADOS NOMINAL E PRIMÁRIO</t>
  </si>
  <si>
    <t>Meta Fixada no Anexo de Metas Fiscais da LDO (a)</t>
  </si>
  <si>
    <t>Resultado Apurado Até o Bimestre (b)</t>
  </si>
  <si>
    <t>% em Relação à Meta (b / a)</t>
  </si>
  <si>
    <t>Resultado Nominal</t>
  </si>
  <si>
    <t>-106,98</t>
  </si>
  <si>
    <t>Resultado Primário</t>
  </si>
  <si>
    <t>155,95</t>
  </si>
  <si>
    <t>RESTOS A PAGAR POR PODER E MINISTÉRIO PÚBLICO</t>
  </si>
  <si>
    <t>Inscrição</t>
  </si>
  <si>
    <t>Cancelamento Até o Bimestre</t>
  </si>
  <si>
    <t>Pagamento Até o Bimestre</t>
  </si>
  <si>
    <t>Saldo a Pagar</t>
  </si>
  <si>
    <t>RESTOS A PAGAR PROCESSADOS</t>
  </si>
  <si>
    <t>794702945,36</t>
  </si>
  <si>
    <t xml:space="preserve">   Poder Executivo</t>
  </si>
  <si>
    <t>734340832,91</t>
  </si>
  <si>
    <t>565229154,67</t>
  </si>
  <si>
    <t>167077524,25</t>
  </si>
  <si>
    <t xml:space="preserve">   Poder Legislativo</t>
  </si>
  <si>
    <t>14193921,16</t>
  </si>
  <si>
    <t xml:space="preserve">   Poder Judiciário</t>
  </si>
  <si>
    <t>43834713,37</t>
  </si>
  <si>
    <t>43819071,20</t>
  </si>
  <si>
    <t xml:space="preserve">   Ministério Público</t>
  </si>
  <si>
    <t xml:space="preserve">   Defensoria Pública</t>
  </si>
  <si>
    <t>1525036,94</t>
  </si>
  <si>
    <t>1525036,17</t>
  </si>
  <si>
    <t>RESTOS A PAGAR NÃO-PROCESSADOS</t>
  </si>
  <si>
    <t>1026220122,77</t>
  </si>
  <si>
    <t>968008622,02</t>
  </si>
  <si>
    <t>657707414,64</t>
  </si>
  <si>
    <t xml:space="preserve">   Defensoria Pública </t>
  </si>
  <si>
    <t>1820923068,13</t>
  </si>
  <si>
    <t>22077715,06</t>
  </si>
  <si>
    <t>944810774,19</t>
  </si>
  <si>
    <t>DESPESAS COM MANUTENÇÃO E DESENVOLVIMENTO DO ENSINO</t>
  </si>
  <si>
    <t>Valor Apurado Até o Bimestre</t>
  </si>
  <si>
    <t>Limites Constitucionais Anuais</t>
  </si>
  <si>
    <t>% Mínimo a Aplicar no Exercício</t>
  </si>
  <si>
    <t>% Aplicado Até o Bimestre</t>
  </si>
  <si>
    <t>Mínimo Anual de '18%' das Receitas de Impostos em MDE</t>
  </si>
  <si>
    <t>25,00</t>
  </si>
  <si>
    <t>Mínimo Anual de 60% do FUNDEB na Remuneração do Magistério com Ensino Fundamental e Médio</t>
  </si>
  <si>
    <t>60,00</t>
  </si>
  <si>
    <t>Mínimo Anual de 60% do FUNDEB na Remuneração do Magistério com Educação Infantil e Ensino Fundamental</t>
  </si>
  <si>
    <t>Complementação da União ao FUNDEB</t>
  </si>
  <si>
    <t>RECEITAS DE OPERAÇÕES DE CRÉDITO E DESPESAS DE CAPITAL</t>
  </si>
  <si>
    <t>Saldo Não Realizado</t>
  </si>
  <si>
    <t>Receitas de Operações de Crédito</t>
  </si>
  <si>
    <t>Despesa de Capital Líquida</t>
  </si>
  <si>
    <t>PROJEÇÃO ATUARIAL DOS REGIMES DE PREVIDÊNCIA</t>
  </si>
  <si>
    <t>Exercício</t>
  </si>
  <si>
    <t>10º Exercício</t>
  </si>
  <si>
    <t>20º Exercício</t>
  </si>
  <si>
    <t>35º Exercício</t>
  </si>
  <si>
    <t>Plano Previdenciário</t>
  </si>
  <si>
    <t>Receitas Previdenciárias</t>
  </si>
  <si>
    <t>Plano Financeiro</t>
  </si>
  <si>
    <t>RECEITA DA ALIENAÇÃO DE ATIVOS E APLICAÇÃO DOS RECURSOS</t>
  </si>
  <si>
    <t>Saldo a Realizar</t>
  </si>
  <si>
    <t>Receita de Capital Resultante da Alienação de Ativos</t>
  </si>
  <si>
    <t>Aplicação dos Recursos da Alienação de Ativos</t>
  </si>
  <si>
    <t>DESPESAS COM AÇÕES E SERVIÇOS PÚBLICOS DE SAÚDE</t>
  </si>
  <si>
    <t>Limite Constitucional Anual</t>
  </si>
  <si>
    <t>Despesas com Ações e Serviços Públicos de Saúde executadas com recursos de impostos</t>
  </si>
  <si>
    <t>12,00</t>
  </si>
  <si>
    <t>DESPESAS DE CARÁTER CONTINUADO DERIVADO DE PPP</t>
  </si>
  <si>
    <t>Valor Apurado no Exercício Corrente</t>
  </si>
  <si>
    <t>Total das Despesas/RCL (%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43" formatCode="_-* #,##0.00_-;\-* #,##0.00_-;_-* &quot;-&quot;??_-;_-@_-"/>
  </numFmts>
  <fonts count="12" x14ac:knownFonts="1">
    <font>
      <sz val="11"/>
      <color indexed="8"/>
      <name val="Calibri"/>
      <family val="2"/>
      <scheme val="minor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b/>
      <sz val="8"/>
      <name val="verdana"/>
    </font>
    <font>
      <sz val="8"/>
      <name val="verdana"/>
    </font>
    <font>
      <sz val="8"/>
      <name val="verdana"/>
    </font>
    <font>
      <sz val="11"/>
      <color indexed="8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C0C0C0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2">
    <xf numFmtId="0" fontId="0" fillId="0" borderId="0"/>
    <xf numFmtId="43" fontId="11" fillId="0" borderId="0" applyFont="0" applyFill="0" applyBorder="0" applyAlignment="0" applyProtection="0"/>
  </cellStyleXfs>
  <cellXfs count="16">
    <xf numFmtId="0" fontId="0" fillId="0" borderId="0" xfId="0"/>
    <xf numFmtId="0" fontId="1" fillId="2" borderId="1" xfId="0" applyFont="1" applyFill="1" applyBorder="1" applyAlignment="1">
      <alignment horizontal="center" vertical="center" wrapText="1"/>
    </xf>
    <xf numFmtId="0" fontId="2" fillId="0" borderId="0" xfId="0" applyFont="1" applyAlignment="1">
      <alignment horizontal="right" vertical="center"/>
    </xf>
    <xf numFmtId="0" fontId="3" fillId="0" borderId="0" xfId="0" applyFont="1" applyAlignment="1">
      <alignment horizontal="right"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7" fillId="0" borderId="0" xfId="0" applyFont="1" applyAlignment="1">
      <alignment horizontal="left" vertical="center"/>
    </xf>
    <xf numFmtId="43" fontId="3" fillId="0" borderId="0" xfId="1" applyFont="1" applyAlignment="1">
      <alignment horizontal="right" vertical="center"/>
    </xf>
    <xf numFmtId="4" fontId="3" fillId="0" borderId="0" xfId="0" applyNumberFormat="1" applyFont="1" applyAlignment="1">
      <alignment horizontal="right" vertical="center"/>
    </xf>
    <xf numFmtId="4" fontId="2" fillId="0" borderId="0" xfId="0" applyNumberFormat="1" applyFont="1" applyAlignment="1">
      <alignment horizontal="right" vertical="center"/>
    </xf>
    <xf numFmtId="0" fontId="1" fillId="2" borderId="1" xfId="0" applyFont="1" applyFill="1" applyBorder="1" applyAlignment="1">
      <alignment horizontal="center" vertical="center" wrapText="1"/>
    </xf>
    <xf numFmtId="0" fontId="10" fillId="0" borderId="0" xfId="0" applyFont="1" applyAlignment="1">
      <alignment horizontal="left" vertical="center"/>
    </xf>
    <xf numFmtId="0" fontId="0" fillId="0" borderId="0" xfId="0"/>
    <xf numFmtId="0" fontId="9" fillId="0" borderId="0" xfId="0" applyFont="1" applyAlignment="1">
      <alignment horizontal="center" vertical="center"/>
    </xf>
    <xf numFmtId="0" fontId="8" fillId="0" borderId="0" xfId="0" applyFont="1" applyAlignment="1">
      <alignment horizontal="center" vertical="center"/>
    </xf>
  </cellXfs>
  <cellStyles count="2">
    <cellStyle name="Normal" xfId="0" builtinId="0"/>
    <cellStyle name="Vírgula" xfId="1" builtin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theme" Target="theme/theme1.xml"/><Relationship Id="rId5" Type="http://schemas.openxmlformats.org/officeDocument/2006/relationships/worksheet" Target="worksheets/sheet5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theme/theme1.xml><?xml version="1.0" encoding="utf-8"?>
<a:theme xmlns:a="http://schemas.openxmlformats.org/drawingml/2006/main" name="Tema do Office">
  <a:themeElements>
    <a:clrScheme name="Escritório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Escritório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Escritório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K199"/>
  <sheetViews>
    <sheetView showGridLines="0" topLeftCell="A10" workbookViewId="0">
      <pane xSplit="2" ySplit="2" topLeftCell="E114" activePane="bottomRight" state="frozen"/>
      <selection activeCell="A10" sqref="A10"/>
      <selection pane="topRight" activeCell="C10" sqref="C10"/>
      <selection pane="bottomLeft" activeCell="A12" sqref="A12"/>
      <selection pane="bottomRight" activeCell="F116" sqref="F116"/>
    </sheetView>
  </sheetViews>
  <sheetFormatPr defaultRowHeight="15" x14ac:dyDescent="0.25"/>
  <cols>
    <col min="1" max="1" width="4.42578125" customWidth="1"/>
    <col min="2" max="2" width="59.85546875" bestFit="1" customWidth="1"/>
    <col min="3" max="3" width="18.7109375" bestFit="1" customWidth="1"/>
    <col min="4" max="4" width="23.42578125" bestFit="1" customWidth="1"/>
    <col min="5" max="5" width="15.42578125" bestFit="1" customWidth="1"/>
    <col min="6" max="7" width="17.28515625" bestFit="1" customWidth="1"/>
    <col min="8" max="8" width="15.42578125" bestFit="1" customWidth="1"/>
    <col min="9" max="9" width="17.28515625" bestFit="1" customWidth="1"/>
    <col min="10" max="10" width="16.5703125" bestFit="1" customWidth="1"/>
    <col min="11" max="11" width="17.140625" customWidth="1"/>
  </cols>
  <sheetData>
    <row r="3" spans="1:11" x14ac:dyDescent="0.25">
      <c r="A3" s="14" t="s">
        <v>0</v>
      </c>
      <c r="B3" s="13"/>
      <c r="C3" s="13"/>
      <c r="D3" s="13"/>
      <c r="E3" s="13"/>
      <c r="F3" s="13"/>
      <c r="G3" s="13"/>
      <c r="H3" s="13"/>
      <c r="I3" s="13"/>
      <c r="J3" s="13"/>
      <c r="K3" s="13"/>
    </row>
    <row r="4" spans="1:11" x14ac:dyDescent="0.25">
      <c r="A4" s="14" t="s">
        <v>1</v>
      </c>
      <c r="B4" s="13"/>
      <c r="C4" s="13"/>
      <c r="D4" s="13"/>
      <c r="E4" s="13"/>
      <c r="F4" s="13"/>
      <c r="G4" s="13"/>
      <c r="H4" s="13"/>
      <c r="I4" s="13"/>
      <c r="J4" s="13"/>
      <c r="K4" s="13"/>
    </row>
    <row r="5" spans="1:11" x14ac:dyDescent="0.25">
      <c r="A5" s="15" t="s">
        <v>2</v>
      </c>
      <c r="B5" s="13"/>
      <c r="C5" s="13"/>
      <c r="D5" s="13"/>
      <c r="E5" s="13"/>
      <c r="F5" s="13"/>
      <c r="G5" s="13"/>
      <c r="H5" s="13"/>
      <c r="I5" s="13"/>
      <c r="J5" s="13"/>
      <c r="K5" s="13"/>
    </row>
    <row r="6" spans="1:11" x14ac:dyDescent="0.25">
      <c r="A6" s="14" t="s">
        <v>3</v>
      </c>
      <c r="B6" s="13"/>
      <c r="C6" s="13"/>
      <c r="D6" s="13"/>
      <c r="E6" s="13"/>
      <c r="F6" s="13"/>
      <c r="G6" s="13"/>
      <c r="H6" s="13"/>
      <c r="I6" s="13"/>
      <c r="J6" s="13"/>
      <c r="K6" s="13"/>
    </row>
    <row r="7" spans="1:11" x14ac:dyDescent="0.25">
      <c r="A7" s="14" t="s">
        <v>4</v>
      </c>
      <c r="B7" s="13"/>
      <c r="C7" s="13"/>
      <c r="D7" s="13"/>
      <c r="E7" s="13"/>
      <c r="F7" s="13"/>
      <c r="G7" s="13"/>
      <c r="H7" s="13"/>
      <c r="I7" s="13"/>
      <c r="J7" s="13"/>
      <c r="K7" s="13"/>
    </row>
    <row r="9" spans="1:11" x14ac:dyDescent="0.25">
      <c r="A9" s="12" t="s">
        <v>5</v>
      </c>
      <c r="B9" s="13"/>
      <c r="C9" s="13"/>
      <c r="D9" s="13"/>
      <c r="E9" s="13"/>
      <c r="F9" s="13"/>
      <c r="G9" s="13"/>
      <c r="H9" s="13"/>
      <c r="I9" s="13"/>
      <c r="J9" s="13"/>
      <c r="K9" s="13"/>
    </row>
    <row r="10" spans="1:11" x14ac:dyDescent="0.25">
      <c r="A10" s="11" t="s">
        <v>6</v>
      </c>
      <c r="B10" s="11" t="s">
        <v>8</v>
      </c>
      <c r="C10" s="11" t="s">
        <v>9</v>
      </c>
      <c r="D10" s="11" t="s">
        <v>10</v>
      </c>
      <c r="E10" s="11" t="s">
        <v>11</v>
      </c>
      <c r="F10" s="11" t="s">
        <v>7</v>
      </c>
      <c r="G10" s="11" t="s">
        <v>7</v>
      </c>
      <c r="H10" s="11" t="s">
        <v>7</v>
      </c>
      <c r="I10" s="11" t="s">
        <v>16</v>
      </c>
    </row>
    <row r="11" spans="1:11" ht="21" x14ac:dyDescent="0.25">
      <c r="A11" s="11" t="s">
        <v>7</v>
      </c>
      <c r="B11" s="11" t="s">
        <v>7</v>
      </c>
      <c r="C11" s="11" t="s">
        <v>7</v>
      </c>
      <c r="D11" s="11" t="s">
        <v>7</v>
      </c>
      <c r="E11" s="1" t="s">
        <v>12</v>
      </c>
      <c r="F11" s="1" t="s">
        <v>13</v>
      </c>
      <c r="G11" s="1" t="s">
        <v>14</v>
      </c>
      <c r="H11" s="1" t="s">
        <v>15</v>
      </c>
      <c r="I11" s="11" t="s">
        <v>7</v>
      </c>
    </row>
    <row r="12" spans="1:11" x14ac:dyDescent="0.25">
      <c r="A12" s="5" t="s">
        <v>17</v>
      </c>
      <c r="B12" s="7" t="s">
        <v>18</v>
      </c>
      <c r="C12" s="3" t="s">
        <v>19</v>
      </c>
      <c r="D12" s="3" t="s">
        <v>20</v>
      </c>
      <c r="E12" s="3" t="s">
        <v>21</v>
      </c>
      <c r="F12" s="3" t="s">
        <v>22</v>
      </c>
      <c r="G12" s="3" t="s">
        <v>21</v>
      </c>
      <c r="H12" s="3" t="s">
        <v>22</v>
      </c>
      <c r="I12" s="3" t="s">
        <v>23</v>
      </c>
    </row>
    <row r="13" spans="1:11" x14ac:dyDescent="0.25">
      <c r="A13" s="5" t="s">
        <v>24</v>
      </c>
      <c r="B13" s="7" t="s">
        <v>25</v>
      </c>
      <c r="C13" s="3" t="s">
        <v>26</v>
      </c>
      <c r="D13" s="3" t="s">
        <v>27</v>
      </c>
      <c r="E13" s="3" t="s">
        <v>28</v>
      </c>
      <c r="F13" s="3" t="s">
        <v>29</v>
      </c>
      <c r="G13" s="3" t="s">
        <v>28</v>
      </c>
      <c r="H13" s="3" t="s">
        <v>29</v>
      </c>
      <c r="I13" s="3" t="s">
        <v>30</v>
      </c>
    </row>
    <row r="14" spans="1:11" x14ac:dyDescent="0.25">
      <c r="A14" s="5" t="s">
        <v>31</v>
      </c>
      <c r="B14" s="7" t="s">
        <v>32</v>
      </c>
      <c r="C14" s="3" t="s">
        <v>33</v>
      </c>
      <c r="D14" s="3" t="s">
        <v>33</v>
      </c>
      <c r="E14" s="3" t="s">
        <v>34</v>
      </c>
      <c r="F14" s="3" t="s">
        <v>35</v>
      </c>
      <c r="G14" s="3" t="s">
        <v>34</v>
      </c>
      <c r="H14" s="3" t="s">
        <v>35</v>
      </c>
      <c r="I14" s="3" t="s">
        <v>36</v>
      </c>
    </row>
    <row r="15" spans="1:11" x14ac:dyDescent="0.25">
      <c r="A15" s="4" t="s">
        <v>37</v>
      </c>
      <c r="B15" s="6" t="s">
        <v>38</v>
      </c>
      <c r="C15" s="2" t="s">
        <v>39</v>
      </c>
      <c r="D15" s="2" t="s">
        <v>39</v>
      </c>
      <c r="E15" s="2" t="s">
        <v>40</v>
      </c>
      <c r="F15" s="2" t="s">
        <v>41</v>
      </c>
      <c r="G15" s="2" t="s">
        <v>40</v>
      </c>
      <c r="H15" s="2" t="s">
        <v>41</v>
      </c>
      <c r="I15" s="2" t="s">
        <v>42</v>
      </c>
    </row>
    <row r="16" spans="1:11" x14ac:dyDescent="0.25">
      <c r="A16" s="4" t="s">
        <v>43</v>
      </c>
      <c r="B16" s="6" t="s">
        <v>44</v>
      </c>
      <c r="C16" s="2" t="s">
        <v>45</v>
      </c>
      <c r="D16" s="2" t="s">
        <v>45</v>
      </c>
      <c r="E16" s="2" t="s">
        <v>46</v>
      </c>
      <c r="F16" s="2" t="s">
        <v>47</v>
      </c>
      <c r="G16" s="2" t="s">
        <v>46</v>
      </c>
      <c r="H16" s="2" t="s">
        <v>47</v>
      </c>
      <c r="I16" s="2" t="s">
        <v>48</v>
      </c>
    </row>
    <row r="17" spans="1:9" x14ac:dyDescent="0.25">
      <c r="A17" s="4" t="s">
        <v>49</v>
      </c>
      <c r="B17" s="6" t="s">
        <v>50</v>
      </c>
      <c r="C17" s="2" t="s">
        <v>51</v>
      </c>
      <c r="D17" s="2" t="s">
        <v>51</v>
      </c>
      <c r="E17" s="2" t="s">
        <v>51</v>
      </c>
      <c r="F17" s="2" t="s">
        <v>51</v>
      </c>
      <c r="G17" s="2" t="s">
        <v>51</v>
      </c>
      <c r="H17" s="2" t="s">
        <v>51</v>
      </c>
      <c r="I17" s="2" t="s">
        <v>51</v>
      </c>
    </row>
    <row r="18" spans="1:9" x14ac:dyDescent="0.25">
      <c r="A18" s="5" t="s">
        <v>52</v>
      </c>
      <c r="B18" s="7" t="s">
        <v>53</v>
      </c>
      <c r="C18" s="3" t="s">
        <v>54</v>
      </c>
      <c r="D18" s="3" t="s">
        <v>55</v>
      </c>
      <c r="E18" s="3" t="s">
        <v>56</v>
      </c>
      <c r="F18" s="3" t="s">
        <v>57</v>
      </c>
      <c r="G18" s="3" t="s">
        <v>56</v>
      </c>
      <c r="H18" s="3" t="s">
        <v>57</v>
      </c>
      <c r="I18" s="3" t="s">
        <v>58</v>
      </c>
    </row>
    <row r="19" spans="1:9" x14ac:dyDescent="0.25">
      <c r="A19" s="4" t="s">
        <v>59</v>
      </c>
      <c r="B19" s="6" t="s">
        <v>60</v>
      </c>
      <c r="C19" s="2" t="s">
        <v>54</v>
      </c>
      <c r="D19" s="2" t="s">
        <v>55</v>
      </c>
      <c r="E19" s="2" t="s">
        <v>56</v>
      </c>
      <c r="F19" s="2" t="s">
        <v>57</v>
      </c>
      <c r="G19" s="2" t="s">
        <v>56</v>
      </c>
      <c r="H19" s="2" t="s">
        <v>57</v>
      </c>
      <c r="I19" s="2" t="s">
        <v>58</v>
      </c>
    </row>
    <row r="20" spans="1:9" x14ac:dyDescent="0.25">
      <c r="A20" s="4" t="s">
        <v>61</v>
      </c>
      <c r="B20" s="6" t="s">
        <v>62</v>
      </c>
      <c r="C20" s="2" t="s">
        <v>51</v>
      </c>
      <c r="D20" s="2" t="s">
        <v>51</v>
      </c>
      <c r="E20" s="2" t="s">
        <v>51</v>
      </c>
      <c r="F20" s="2" t="s">
        <v>51</v>
      </c>
      <c r="G20" s="2" t="s">
        <v>51</v>
      </c>
      <c r="H20" s="2" t="s">
        <v>51</v>
      </c>
      <c r="I20" s="2" t="s">
        <v>51</v>
      </c>
    </row>
    <row r="21" spans="1:9" x14ac:dyDescent="0.25">
      <c r="A21" s="4" t="s">
        <v>63</v>
      </c>
      <c r="B21" s="6" t="s">
        <v>64</v>
      </c>
      <c r="C21" s="2" t="s">
        <v>51</v>
      </c>
      <c r="D21" s="2" t="s">
        <v>51</v>
      </c>
      <c r="E21" s="2" t="s">
        <v>51</v>
      </c>
      <c r="F21" s="2" t="s">
        <v>51</v>
      </c>
      <c r="G21" s="2" t="s">
        <v>51</v>
      </c>
      <c r="H21" s="2" t="s">
        <v>51</v>
      </c>
      <c r="I21" s="2" t="s">
        <v>51</v>
      </c>
    </row>
    <row r="22" spans="1:9" x14ac:dyDescent="0.25">
      <c r="A22" s="4" t="s">
        <v>65</v>
      </c>
      <c r="B22" s="6" t="s">
        <v>66</v>
      </c>
      <c r="C22" s="2" t="s">
        <v>51</v>
      </c>
      <c r="D22" s="2" t="s">
        <v>51</v>
      </c>
      <c r="E22" s="2" t="s">
        <v>51</v>
      </c>
      <c r="F22" s="2" t="s">
        <v>51</v>
      </c>
      <c r="G22" s="2" t="s">
        <v>51</v>
      </c>
      <c r="H22" s="2" t="s">
        <v>51</v>
      </c>
      <c r="I22" s="2" t="s">
        <v>51</v>
      </c>
    </row>
    <row r="23" spans="1:9" x14ac:dyDescent="0.25">
      <c r="A23" s="5" t="s">
        <v>67</v>
      </c>
      <c r="B23" s="7" t="s">
        <v>68</v>
      </c>
      <c r="C23" s="3" t="s">
        <v>69</v>
      </c>
      <c r="D23" s="3" t="s">
        <v>69</v>
      </c>
      <c r="E23" s="3" t="s">
        <v>70</v>
      </c>
      <c r="F23" s="3" t="s">
        <v>71</v>
      </c>
      <c r="G23" s="3" t="s">
        <v>70</v>
      </c>
      <c r="H23" s="3" t="s">
        <v>71</v>
      </c>
      <c r="I23" s="3" t="s">
        <v>72</v>
      </c>
    </row>
    <row r="24" spans="1:9" x14ac:dyDescent="0.25">
      <c r="A24" s="4" t="s">
        <v>73</v>
      </c>
      <c r="B24" s="6" t="s">
        <v>74</v>
      </c>
      <c r="C24" s="2" t="s">
        <v>75</v>
      </c>
      <c r="D24" s="2" t="s">
        <v>75</v>
      </c>
      <c r="E24" s="2" t="s">
        <v>76</v>
      </c>
      <c r="F24" s="2" t="s">
        <v>77</v>
      </c>
      <c r="G24" s="2" t="s">
        <v>76</v>
      </c>
      <c r="H24" s="2" t="s">
        <v>77</v>
      </c>
      <c r="I24" s="2" t="s">
        <v>78</v>
      </c>
    </row>
    <row r="25" spans="1:9" x14ac:dyDescent="0.25">
      <c r="A25" s="4" t="s">
        <v>79</v>
      </c>
      <c r="B25" s="6" t="s">
        <v>80</v>
      </c>
      <c r="C25" s="2" t="s">
        <v>81</v>
      </c>
      <c r="D25" s="2" t="s">
        <v>81</v>
      </c>
      <c r="E25" s="2" t="s">
        <v>82</v>
      </c>
      <c r="F25" s="2" t="s">
        <v>83</v>
      </c>
      <c r="G25" s="2" t="s">
        <v>82</v>
      </c>
      <c r="H25" s="2" t="s">
        <v>83</v>
      </c>
      <c r="I25" s="2" t="s">
        <v>84</v>
      </c>
    </row>
    <row r="26" spans="1:9" x14ac:dyDescent="0.25">
      <c r="A26" s="4" t="s">
        <v>85</v>
      </c>
      <c r="B26" s="6" t="s">
        <v>86</v>
      </c>
      <c r="C26" s="2" t="s">
        <v>51</v>
      </c>
      <c r="D26" s="2" t="s">
        <v>51</v>
      </c>
      <c r="E26" s="2" t="s">
        <v>51</v>
      </c>
      <c r="F26" s="2" t="s">
        <v>51</v>
      </c>
      <c r="G26" s="2" t="s">
        <v>51</v>
      </c>
      <c r="H26" s="2" t="s">
        <v>51</v>
      </c>
      <c r="I26" s="2" t="s">
        <v>51</v>
      </c>
    </row>
    <row r="27" spans="1:9" x14ac:dyDescent="0.25">
      <c r="A27" s="4" t="s">
        <v>87</v>
      </c>
      <c r="B27" s="6" t="s">
        <v>88</v>
      </c>
      <c r="C27" s="2" t="s">
        <v>89</v>
      </c>
      <c r="D27" s="2" t="s">
        <v>89</v>
      </c>
      <c r="E27" s="2" t="s">
        <v>90</v>
      </c>
      <c r="F27" s="2" t="s">
        <v>91</v>
      </c>
      <c r="G27" s="2" t="s">
        <v>90</v>
      </c>
      <c r="H27" s="2" t="s">
        <v>91</v>
      </c>
      <c r="I27" s="2" t="s">
        <v>92</v>
      </c>
    </row>
    <row r="28" spans="1:9" x14ac:dyDescent="0.25">
      <c r="A28" s="4" t="s">
        <v>93</v>
      </c>
      <c r="B28" s="6" t="s">
        <v>94</v>
      </c>
      <c r="C28" s="2" t="s">
        <v>51</v>
      </c>
      <c r="D28" s="2" t="s">
        <v>51</v>
      </c>
      <c r="E28" s="2" t="s">
        <v>51</v>
      </c>
      <c r="F28" s="2" t="s">
        <v>51</v>
      </c>
      <c r="G28" s="2" t="s">
        <v>51</v>
      </c>
      <c r="H28" s="2" t="s">
        <v>51</v>
      </c>
      <c r="I28" s="2" t="s">
        <v>51</v>
      </c>
    </row>
    <row r="29" spans="1:9" x14ac:dyDescent="0.25">
      <c r="A29" s="4" t="s">
        <v>95</v>
      </c>
      <c r="B29" s="6" t="s">
        <v>96</v>
      </c>
      <c r="C29" s="2" t="s">
        <v>97</v>
      </c>
      <c r="D29" s="2" t="s">
        <v>97</v>
      </c>
      <c r="E29" s="2" t="s">
        <v>98</v>
      </c>
      <c r="F29" s="2" t="s">
        <v>99</v>
      </c>
      <c r="G29" s="2" t="s">
        <v>98</v>
      </c>
      <c r="H29" s="2" t="s">
        <v>99</v>
      </c>
      <c r="I29" s="2" t="s">
        <v>100</v>
      </c>
    </row>
    <row r="30" spans="1:9" x14ac:dyDescent="0.25">
      <c r="A30" s="4" t="s">
        <v>101</v>
      </c>
      <c r="B30" s="6" t="s">
        <v>102</v>
      </c>
      <c r="C30" s="2" t="s">
        <v>51</v>
      </c>
      <c r="D30" s="2" t="s">
        <v>51</v>
      </c>
      <c r="E30" s="2" t="s">
        <v>51</v>
      </c>
      <c r="F30" s="2" t="s">
        <v>51</v>
      </c>
      <c r="G30" s="2" t="s">
        <v>51</v>
      </c>
      <c r="H30" s="2" t="s">
        <v>51</v>
      </c>
      <c r="I30" s="2" t="s">
        <v>51</v>
      </c>
    </row>
    <row r="31" spans="1:9" x14ac:dyDescent="0.25">
      <c r="A31" s="4" t="s">
        <v>103</v>
      </c>
      <c r="B31" s="6" t="s">
        <v>104</v>
      </c>
      <c r="C31" s="2" t="s">
        <v>51</v>
      </c>
      <c r="D31" s="2" t="s">
        <v>51</v>
      </c>
      <c r="E31" s="2" t="s">
        <v>51</v>
      </c>
      <c r="F31" s="2" t="s">
        <v>51</v>
      </c>
      <c r="G31" s="2" t="s">
        <v>51</v>
      </c>
      <c r="H31" s="2" t="s">
        <v>51</v>
      </c>
      <c r="I31" s="2" t="s">
        <v>51</v>
      </c>
    </row>
    <row r="32" spans="1:9" x14ac:dyDescent="0.25">
      <c r="A32" s="4" t="s">
        <v>105</v>
      </c>
      <c r="B32" s="6" t="s">
        <v>106</v>
      </c>
      <c r="C32" s="2" t="s">
        <v>51</v>
      </c>
      <c r="D32" s="2" t="s">
        <v>51</v>
      </c>
      <c r="E32" s="2" t="s">
        <v>51</v>
      </c>
      <c r="F32" s="2" t="s">
        <v>51</v>
      </c>
      <c r="G32" s="2" t="s">
        <v>51</v>
      </c>
      <c r="H32" s="2" t="s">
        <v>51</v>
      </c>
      <c r="I32" s="2" t="s">
        <v>51</v>
      </c>
    </row>
    <row r="33" spans="1:9" x14ac:dyDescent="0.25">
      <c r="A33" s="5" t="s">
        <v>107</v>
      </c>
      <c r="B33" s="7" t="s">
        <v>108</v>
      </c>
      <c r="C33" s="3" t="s">
        <v>109</v>
      </c>
      <c r="D33" s="3" t="s">
        <v>109</v>
      </c>
      <c r="E33" s="3" t="s">
        <v>110</v>
      </c>
      <c r="F33" s="3" t="s">
        <v>111</v>
      </c>
      <c r="G33" s="3" t="s">
        <v>110</v>
      </c>
      <c r="H33" s="3" t="s">
        <v>111</v>
      </c>
      <c r="I33" s="3" t="s">
        <v>112</v>
      </c>
    </row>
    <row r="34" spans="1:9" x14ac:dyDescent="0.25">
      <c r="A34" s="4" t="s">
        <v>113</v>
      </c>
      <c r="B34" s="6" t="s">
        <v>114</v>
      </c>
      <c r="C34" s="2" t="s">
        <v>115</v>
      </c>
      <c r="D34" s="2" t="s">
        <v>115</v>
      </c>
      <c r="E34" s="2" t="s">
        <v>116</v>
      </c>
      <c r="F34" s="2" t="s">
        <v>117</v>
      </c>
      <c r="G34" s="2" t="s">
        <v>116</v>
      </c>
      <c r="H34" s="2" t="s">
        <v>117</v>
      </c>
      <c r="I34" s="2" t="s">
        <v>118</v>
      </c>
    </row>
    <row r="35" spans="1:9" x14ac:dyDescent="0.25">
      <c r="A35" s="4" t="s">
        <v>119</v>
      </c>
      <c r="B35" s="6" t="s">
        <v>120</v>
      </c>
      <c r="C35" s="2" t="s">
        <v>121</v>
      </c>
      <c r="D35" s="2" t="s">
        <v>121</v>
      </c>
      <c r="E35" s="2" t="s">
        <v>122</v>
      </c>
      <c r="F35" s="2" t="s">
        <v>123</v>
      </c>
      <c r="G35" s="2" t="s">
        <v>122</v>
      </c>
      <c r="H35" s="2" t="s">
        <v>123</v>
      </c>
      <c r="I35" s="2" t="s">
        <v>124</v>
      </c>
    </row>
    <row r="36" spans="1:9" x14ac:dyDescent="0.25">
      <c r="A36" s="4" t="s">
        <v>125</v>
      </c>
      <c r="B36" s="6" t="s">
        <v>126</v>
      </c>
      <c r="C36" s="2" t="s">
        <v>127</v>
      </c>
      <c r="D36" s="2" t="s">
        <v>127</v>
      </c>
      <c r="E36" s="2" t="s">
        <v>128</v>
      </c>
      <c r="F36" s="2" t="s">
        <v>129</v>
      </c>
      <c r="G36" s="2" t="s">
        <v>128</v>
      </c>
      <c r="H36" s="2" t="s">
        <v>129</v>
      </c>
      <c r="I36" s="2" t="s">
        <v>130</v>
      </c>
    </row>
    <row r="37" spans="1:9" x14ac:dyDescent="0.25">
      <c r="A37" s="4" t="s">
        <v>131</v>
      </c>
      <c r="B37" s="6" t="s">
        <v>132</v>
      </c>
      <c r="C37" s="2" t="s">
        <v>51</v>
      </c>
      <c r="D37" s="2" t="s">
        <v>51</v>
      </c>
      <c r="E37" s="2" t="s">
        <v>51</v>
      </c>
      <c r="F37" s="2" t="s">
        <v>51</v>
      </c>
      <c r="G37" s="2" t="s">
        <v>51</v>
      </c>
      <c r="H37" s="2" t="s">
        <v>51</v>
      </c>
      <c r="I37" s="2" t="s">
        <v>51</v>
      </c>
    </row>
    <row r="38" spans="1:9" x14ac:dyDescent="0.25">
      <c r="A38" s="4" t="s">
        <v>133</v>
      </c>
      <c r="B38" s="6" t="s">
        <v>134</v>
      </c>
      <c r="C38" s="2" t="s">
        <v>135</v>
      </c>
      <c r="D38" s="2" t="s">
        <v>135</v>
      </c>
      <c r="E38" s="2" t="s">
        <v>136</v>
      </c>
      <c r="F38" s="2" t="s">
        <v>137</v>
      </c>
      <c r="G38" s="2" t="s">
        <v>136</v>
      </c>
      <c r="H38" s="2" t="s">
        <v>137</v>
      </c>
      <c r="I38" s="2" t="s">
        <v>138</v>
      </c>
    </row>
    <row r="39" spans="1:9" x14ac:dyDescent="0.25">
      <c r="A39" s="5" t="s">
        <v>139</v>
      </c>
      <c r="B39" s="7" t="s">
        <v>140</v>
      </c>
      <c r="C39" s="3" t="s">
        <v>141</v>
      </c>
      <c r="D39" s="3" t="s">
        <v>141</v>
      </c>
      <c r="E39" s="3" t="s">
        <v>142</v>
      </c>
      <c r="F39" s="3" t="s">
        <v>143</v>
      </c>
      <c r="G39" s="3" t="s">
        <v>142</v>
      </c>
      <c r="H39" s="3" t="s">
        <v>143</v>
      </c>
      <c r="I39" s="3" t="s">
        <v>144</v>
      </c>
    </row>
    <row r="40" spans="1:9" x14ac:dyDescent="0.25">
      <c r="A40" s="4" t="s">
        <v>145</v>
      </c>
      <c r="B40" s="6" t="s">
        <v>146</v>
      </c>
      <c r="C40" s="2" t="s">
        <v>147</v>
      </c>
      <c r="D40" s="2" t="s">
        <v>147</v>
      </c>
      <c r="E40" s="2" t="s">
        <v>148</v>
      </c>
      <c r="F40" s="2" t="s">
        <v>149</v>
      </c>
      <c r="G40" s="2" t="s">
        <v>148</v>
      </c>
      <c r="H40" s="2" t="s">
        <v>149</v>
      </c>
      <c r="I40" s="2" t="s">
        <v>150</v>
      </c>
    </row>
    <row r="41" spans="1:9" x14ac:dyDescent="0.25">
      <c r="A41" s="4" t="s">
        <v>151</v>
      </c>
      <c r="B41" s="6" t="s">
        <v>152</v>
      </c>
      <c r="C41" s="2" t="s">
        <v>51</v>
      </c>
      <c r="D41" s="2" t="s">
        <v>51</v>
      </c>
      <c r="E41" s="2" t="s">
        <v>51</v>
      </c>
      <c r="F41" s="2" t="s">
        <v>51</v>
      </c>
      <c r="G41" s="2" t="s">
        <v>51</v>
      </c>
      <c r="H41" s="2" t="s">
        <v>51</v>
      </c>
      <c r="I41" s="2" t="s">
        <v>51</v>
      </c>
    </row>
    <row r="42" spans="1:9" x14ac:dyDescent="0.25">
      <c r="A42" s="4" t="s">
        <v>153</v>
      </c>
      <c r="B42" s="6" t="s">
        <v>154</v>
      </c>
      <c r="C42" s="2" t="s">
        <v>155</v>
      </c>
      <c r="D42" s="2" t="s">
        <v>155</v>
      </c>
      <c r="E42" s="2" t="s">
        <v>51</v>
      </c>
      <c r="F42" s="2" t="s">
        <v>51</v>
      </c>
      <c r="G42" s="2" t="s">
        <v>51</v>
      </c>
      <c r="H42" s="2" t="s">
        <v>51</v>
      </c>
      <c r="I42" s="2" t="s">
        <v>155</v>
      </c>
    </row>
    <row r="43" spans="1:9" x14ac:dyDescent="0.25">
      <c r="A43" s="4" t="s">
        <v>156</v>
      </c>
      <c r="B43" s="6" t="s">
        <v>157</v>
      </c>
      <c r="C43" s="2" t="s">
        <v>158</v>
      </c>
      <c r="D43" s="2" t="s">
        <v>158</v>
      </c>
      <c r="E43" s="2" t="s">
        <v>159</v>
      </c>
      <c r="F43" s="2" t="s">
        <v>160</v>
      </c>
      <c r="G43" s="2" t="s">
        <v>159</v>
      </c>
      <c r="H43" s="2" t="s">
        <v>160</v>
      </c>
      <c r="I43" s="2" t="s">
        <v>161</v>
      </c>
    </row>
    <row r="44" spans="1:9" x14ac:dyDescent="0.25">
      <c r="A44" s="4" t="s">
        <v>162</v>
      </c>
      <c r="B44" s="6" t="s">
        <v>163</v>
      </c>
      <c r="C44" s="2" t="s">
        <v>164</v>
      </c>
      <c r="D44" s="2" t="s">
        <v>164</v>
      </c>
      <c r="E44" s="2" t="s">
        <v>165</v>
      </c>
      <c r="F44" s="2" t="s">
        <v>166</v>
      </c>
      <c r="G44" s="2" t="s">
        <v>165</v>
      </c>
      <c r="H44" s="2" t="s">
        <v>166</v>
      </c>
      <c r="I44" s="2" t="s">
        <v>167</v>
      </c>
    </row>
    <row r="45" spans="1:9" x14ac:dyDescent="0.25">
      <c r="A45" s="4" t="s">
        <v>168</v>
      </c>
      <c r="B45" s="6" t="s">
        <v>169</v>
      </c>
      <c r="C45" s="2" t="s">
        <v>170</v>
      </c>
      <c r="D45" s="2" t="s">
        <v>170</v>
      </c>
      <c r="E45" s="2" t="s">
        <v>51</v>
      </c>
      <c r="F45" s="2" t="s">
        <v>51</v>
      </c>
      <c r="G45" s="2" t="s">
        <v>51</v>
      </c>
      <c r="H45" s="2" t="s">
        <v>51</v>
      </c>
      <c r="I45" s="2" t="s">
        <v>170</v>
      </c>
    </row>
    <row r="46" spans="1:9" x14ac:dyDescent="0.25">
      <c r="A46" s="4" t="s">
        <v>171</v>
      </c>
      <c r="B46" s="6" t="s">
        <v>172</v>
      </c>
      <c r="C46" s="2" t="s">
        <v>51</v>
      </c>
      <c r="D46" s="2" t="s">
        <v>51</v>
      </c>
      <c r="E46" s="2" t="s">
        <v>51</v>
      </c>
      <c r="F46" s="2" t="s">
        <v>51</v>
      </c>
      <c r="G46" s="2" t="s">
        <v>51</v>
      </c>
      <c r="H46" s="2" t="s">
        <v>51</v>
      </c>
      <c r="I46" s="2" t="s">
        <v>51</v>
      </c>
    </row>
    <row r="47" spans="1:9" x14ac:dyDescent="0.25">
      <c r="A47" s="4" t="s">
        <v>173</v>
      </c>
      <c r="B47" s="6" t="s">
        <v>174</v>
      </c>
      <c r="C47" s="2" t="s">
        <v>51</v>
      </c>
      <c r="D47" s="2" t="s">
        <v>51</v>
      </c>
      <c r="E47" s="2" t="s">
        <v>51</v>
      </c>
      <c r="F47" s="2" t="s">
        <v>51</v>
      </c>
      <c r="G47" s="2" t="s">
        <v>51</v>
      </c>
      <c r="H47" s="2" t="s">
        <v>51</v>
      </c>
      <c r="I47" s="2" t="s">
        <v>51</v>
      </c>
    </row>
    <row r="48" spans="1:9" x14ac:dyDescent="0.25">
      <c r="A48" s="5" t="s">
        <v>175</v>
      </c>
      <c r="B48" s="7" t="s">
        <v>176</v>
      </c>
      <c r="C48" s="3" t="s">
        <v>177</v>
      </c>
      <c r="D48" s="3" t="s">
        <v>177</v>
      </c>
      <c r="E48" s="3" t="s">
        <v>178</v>
      </c>
      <c r="F48" s="3" t="s">
        <v>179</v>
      </c>
      <c r="G48" s="3" t="s">
        <v>178</v>
      </c>
      <c r="H48" s="3" t="s">
        <v>179</v>
      </c>
      <c r="I48" s="3" t="s">
        <v>180</v>
      </c>
    </row>
    <row r="49" spans="1:9" x14ac:dyDescent="0.25">
      <c r="A49" s="4" t="s">
        <v>181</v>
      </c>
      <c r="B49" s="6" t="s">
        <v>182</v>
      </c>
      <c r="C49" s="2" t="s">
        <v>183</v>
      </c>
      <c r="D49" s="2" t="s">
        <v>183</v>
      </c>
      <c r="E49" s="2" t="s">
        <v>184</v>
      </c>
      <c r="F49" s="2" t="s">
        <v>185</v>
      </c>
      <c r="G49" s="2" t="s">
        <v>184</v>
      </c>
      <c r="H49" s="2" t="s">
        <v>185</v>
      </c>
      <c r="I49" s="2" t="s">
        <v>186</v>
      </c>
    </row>
    <row r="50" spans="1:9" x14ac:dyDescent="0.25">
      <c r="A50" s="4" t="s">
        <v>187</v>
      </c>
      <c r="B50" s="6" t="s">
        <v>188</v>
      </c>
      <c r="C50" s="2" t="s">
        <v>189</v>
      </c>
      <c r="D50" s="2" t="s">
        <v>189</v>
      </c>
      <c r="E50" s="2" t="s">
        <v>190</v>
      </c>
      <c r="F50" s="2" t="s">
        <v>191</v>
      </c>
      <c r="G50" s="2" t="s">
        <v>190</v>
      </c>
      <c r="H50" s="2" t="s">
        <v>191</v>
      </c>
      <c r="I50" s="2" t="s">
        <v>192</v>
      </c>
    </row>
    <row r="51" spans="1:9" x14ac:dyDescent="0.25">
      <c r="A51" s="4" t="s">
        <v>193</v>
      </c>
      <c r="B51" s="6" t="s">
        <v>194</v>
      </c>
      <c r="C51" s="2" t="s">
        <v>51</v>
      </c>
      <c r="D51" s="2" t="s">
        <v>51</v>
      </c>
      <c r="E51" s="2" t="s">
        <v>51</v>
      </c>
      <c r="F51" s="2" t="s">
        <v>51</v>
      </c>
      <c r="G51" s="2" t="s">
        <v>51</v>
      </c>
      <c r="H51" s="2" t="s">
        <v>51</v>
      </c>
      <c r="I51" s="2" t="s">
        <v>51</v>
      </c>
    </row>
    <row r="52" spans="1:9" x14ac:dyDescent="0.25">
      <c r="A52" s="4" t="s">
        <v>195</v>
      </c>
      <c r="B52" s="6" t="s">
        <v>196</v>
      </c>
      <c r="C52" s="2" t="s">
        <v>197</v>
      </c>
      <c r="D52" s="2" t="s">
        <v>197</v>
      </c>
      <c r="E52" s="2" t="s">
        <v>198</v>
      </c>
      <c r="F52" s="2" t="s">
        <v>199</v>
      </c>
      <c r="G52" s="2" t="s">
        <v>198</v>
      </c>
      <c r="H52" s="2" t="s">
        <v>199</v>
      </c>
      <c r="I52" s="2" t="s">
        <v>200</v>
      </c>
    </row>
    <row r="53" spans="1:9" x14ac:dyDescent="0.25">
      <c r="A53" s="5" t="s">
        <v>201</v>
      </c>
      <c r="B53" s="7" t="s">
        <v>202</v>
      </c>
      <c r="C53" s="3" t="s">
        <v>203</v>
      </c>
      <c r="D53" s="3" t="s">
        <v>203</v>
      </c>
      <c r="E53" s="3" t="s">
        <v>204</v>
      </c>
      <c r="F53" s="3" t="s">
        <v>205</v>
      </c>
      <c r="G53" s="3" t="s">
        <v>204</v>
      </c>
      <c r="H53" s="3" t="s">
        <v>205</v>
      </c>
      <c r="I53" s="3" t="s">
        <v>206</v>
      </c>
    </row>
    <row r="54" spans="1:9" x14ac:dyDescent="0.25">
      <c r="A54" s="5" t="s">
        <v>207</v>
      </c>
      <c r="B54" s="7" t="s">
        <v>208</v>
      </c>
      <c r="C54" s="3" t="s">
        <v>51</v>
      </c>
      <c r="D54" s="3" t="s">
        <v>51</v>
      </c>
      <c r="E54" s="3" t="s">
        <v>51</v>
      </c>
      <c r="F54" s="3" t="s">
        <v>51</v>
      </c>
      <c r="G54" s="3" t="s">
        <v>51</v>
      </c>
      <c r="H54" s="3" t="s">
        <v>51</v>
      </c>
      <c r="I54" s="3" t="s">
        <v>51</v>
      </c>
    </row>
    <row r="55" spans="1:9" x14ac:dyDescent="0.25">
      <c r="A55" s="4" t="s">
        <v>209</v>
      </c>
      <c r="B55" s="6" t="s">
        <v>210</v>
      </c>
      <c r="C55" s="2" t="s">
        <v>51</v>
      </c>
      <c r="D55" s="2" t="s">
        <v>51</v>
      </c>
      <c r="E55" s="2" t="s">
        <v>51</v>
      </c>
      <c r="F55" s="2" t="s">
        <v>51</v>
      </c>
      <c r="G55" s="2" t="s">
        <v>51</v>
      </c>
      <c r="H55" s="2" t="s">
        <v>51</v>
      </c>
      <c r="I55" s="2" t="s">
        <v>51</v>
      </c>
    </row>
    <row r="56" spans="1:9" x14ac:dyDescent="0.25">
      <c r="A56" s="4" t="s">
        <v>211</v>
      </c>
      <c r="B56" s="6" t="s">
        <v>212</v>
      </c>
      <c r="C56" s="2" t="s">
        <v>51</v>
      </c>
      <c r="D56" s="2" t="s">
        <v>51</v>
      </c>
      <c r="E56" s="2" t="s">
        <v>51</v>
      </c>
      <c r="F56" s="2" t="s">
        <v>51</v>
      </c>
      <c r="G56" s="2" t="s">
        <v>51</v>
      </c>
      <c r="H56" s="2" t="s">
        <v>51</v>
      </c>
      <c r="I56" s="2" t="s">
        <v>51</v>
      </c>
    </row>
    <row r="57" spans="1:9" x14ac:dyDescent="0.25">
      <c r="A57" s="5" t="s">
        <v>213</v>
      </c>
      <c r="B57" s="7" t="s">
        <v>214</v>
      </c>
      <c r="C57" s="3" t="s">
        <v>215</v>
      </c>
      <c r="D57" s="3" t="s">
        <v>215</v>
      </c>
      <c r="E57" s="3" t="s">
        <v>216</v>
      </c>
      <c r="F57" s="3" t="s">
        <v>217</v>
      </c>
      <c r="G57" s="3" t="s">
        <v>216</v>
      </c>
      <c r="H57" s="3" t="s">
        <v>217</v>
      </c>
      <c r="I57" s="3" t="s">
        <v>218</v>
      </c>
    </row>
    <row r="58" spans="1:9" x14ac:dyDescent="0.25">
      <c r="A58" s="4" t="s">
        <v>219</v>
      </c>
      <c r="B58" s="6" t="s">
        <v>220</v>
      </c>
      <c r="C58" s="2" t="s">
        <v>215</v>
      </c>
      <c r="D58" s="2" t="s">
        <v>215</v>
      </c>
      <c r="E58" s="2" t="s">
        <v>221</v>
      </c>
      <c r="F58" s="2" t="s">
        <v>222</v>
      </c>
      <c r="G58" s="2" t="s">
        <v>221</v>
      </c>
      <c r="H58" s="2" t="s">
        <v>222</v>
      </c>
      <c r="I58" s="2" t="s">
        <v>223</v>
      </c>
    </row>
    <row r="59" spans="1:9" x14ac:dyDescent="0.25">
      <c r="A59" s="4" t="s">
        <v>224</v>
      </c>
      <c r="B59" s="6" t="s">
        <v>225</v>
      </c>
      <c r="C59" s="2" t="s">
        <v>51</v>
      </c>
      <c r="D59" s="2" t="s">
        <v>51</v>
      </c>
      <c r="E59" s="2" t="s">
        <v>226</v>
      </c>
      <c r="F59" s="2" t="s">
        <v>51</v>
      </c>
      <c r="G59" s="2" t="s">
        <v>226</v>
      </c>
      <c r="H59" s="2" t="s">
        <v>51</v>
      </c>
      <c r="I59" s="2" t="s">
        <v>227</v>
      </c>
    </row>
    <row r="60" spans="1:9" x14ac:dyDescent="0.25">
      <c r="A60" s="4" t="s">
        <v>228</v>
      </c>
      <c r="B60" s="6" t="s">
        <v>229</v>
      </c>
      <c r="C60" s="2" t="s">
        <v>51</v>
      </c>
      <c r="D60" s="2" t="s">
        <v>51</v>
      </c>
      <c r="E60" s="2" t="s">
        <v>51</v>
      </c>
      <c r="F60" s="2" t="s">
        <v>51</v>
      </c>
      <c r="G60" s="2" t="s">
        <v>51</v>
      </c>
      <c r="H60" s="2" t="s">
        <v>51</v>
      </c>
      <c r="I60" s="2" t="s">
        <v>51</v>
      </c>
    </row>
    <row r="61" spans="1:9" x14ac:dyDescent="0.25">
      <c r="A61" s="4" t="s">
        <v>230</v>
      </c>
      <c r="B61" s="6" t="s">
        <v>231</v>
      </c>
      <c r="C61" s="2" t="s">
        <v>232</v>
      </c>
      <c r="D61" s="2" t="s">
        <v>232</v>
      </c>
      <c r="E61" s="2" t="s">
        <v>233</v>
      </c>
      <c r="F61" s="2" t="s">
        <v>234</v>
      </c>
      <c r="G61" s="2" t="s">
        <v>233</v>
      </c>
      <c r="H61" s="2" t="s">
        <v>234</v>
      </c>
      <c r="I61" s="2" t="s">
        <v>235</v>
      </c>
    </row>
    <row r="62" spans="1:9" x14ac:dyDescent="0.25">
      <c r="A62" s="5" t="s">
        <v>236</v>
      </c>
      <c r="B62" s="7" t="s">
        <v>237</v>
      </c>
      <c r="C62" s="3" t="s">
        <v>238</v>
      </c>
      <c r="D62" s="3" t="s">
        <v>238</v>
      </c>
      <c r="E62" s="3" t="s">
        <v>239</v>
      </c>
      <c r="F62" s="3" t="s">
        <v>240</v>
      </c>
      <c r="G62" s="3" t="s">
        <v>239</v>
      </c>
      <c r="H62" s="3" t="s">
        <v>240</v>
      </c>
      <c r="I62" s="3" t="s">
        <v>241</v>
      </c>
    </row>
    <row r="63" spans="1:9" x14ac:dyDescent="0.25">
      <c r="A63" s="4" t="s">
        <v>242</v>
      </c>
      <c r="B63" s="6" t="s">
        <v>146</v>
      </c>
      <c r="C63" s="2" t="s">
        <v>243</v>
      </c>
      <c r="D63" s="2" t="s">
        <v>243</v>
      </c>
      <c r="E63" s="2" t="s">
        <v>244</v>
      </c>
      <c r="F63" s="2" t="s">
        <v>245</v>
      </c>
      <c r="G63" s="2" t="s">
        <v>244</v>
      </c>
      <c r="H63" s="2" t="s">
        <v>245</v>
      </c>
      <c r="I63" s="2" t="s">
        <v>246</v>
      </c>
    </row>
    <row r="64" spans="1:9" x14ac:dyDescent="0.25">
      <c r="A64" s="4" t="s">
        <v>247</v>
      </c>
      <c r="B64" s="6" t="s">
        <v>152</v>
      </c>
      <c r="C64" s="2" t="s">
        <v>248</v>
      </c>
      <c r="D64" s="2" t="s">
        <v>248</v>
      </c>
      <c r="E64" s="2" t="s">
        <v>249</v>
      </c>
      <c r="F64" s="2" t="s">
        <v>250</v>
      </c>
      <c r="G64" s="2" t="s">
        <v>249</v>
      </c>
      <c r="H64" s="2" t="s">
        <v>250</v>
      </c>
      <c r="I64" s="2" t="s">
        <v>251</v>
      </c>
    </row>
    <row r="65" spans="1:9" x14ac:dyDescent="0.25">
      <c r="A65" s="4" t="s">
        <v>252</v>
      </c>
      <c r="B65" s="6" t="s">
        <v>154</v>
      </c>
      <c r="C65" s="2" t="s">
        <v>51</v>
      </c>
      <c r="D65" s="2" t="s">
        <v>51</v>
      </c>
      <c r="E65" s="2" t="s">
        <v>51</v>
      </c>
      <c r="F65" s="2" t="s">
        <v>51</v>
      </c>
      <c r="G65" s="2" t="s">
        <v>51</v>
      </c>
      <c r="H65" s="2" t="s">
        <v>51</v>
      </c>
      <c r="I65" s="2" t="s">
        <v>51</v>
      </c>
    </row>
    <row r="66" spans="1:9" x14ac:dyDescent="0.25">
      <c r="A66" s="4" t="s">
        <v>253</v>
      </c>
      <c r="B66" s="6" t="s">
        <v>157</v>
      </c>
      <c r="C66" s="2" t="s">
        <v>254</v>
      </c>
      <c r="D66" s="2" t="s">
        <v>254</v>
      </c>
      <c r="E66" s="2" t="s">
        <v>255</v>
      </c>
      <c r="F66" s="2" t="s">
        <v>256</v>
      </c>
      <c r="G66" s="2" t="s">
        <v>255</v>
      </c>
      <c r="H66" s="2" t="s">
        <v>256</v>
      </c>
      <c r="I66" s="2" t="s">
        <v>257</v>
      </c>
    </row>
    <row r="67" spans="1:9" x14ac:dyDescent="0.25">
      <c r="A67" s="4" t="s">
        <v>258</v>
      </c>
      <c r="B67" s="6" t="s">
        <v>163</v>
      </c>
      <c r="C67" s="2" t="s">
        <v>51</v>
      </c>
      <c r="D67" s="2" t="s">
        <v>51</v>
      </c>
      <c r="E67" s="2" t="s">
        <v>51</v>
      </c>
      <c r="F67" s="2" t="s">
        <v>51</v>
      </c>
      <c r="G67" s="2" t="s">
        <v>51</v>
      </c>
      <c r="H67" s="2" t="s">
        <v>51</v>
      </c>
      <c r="I67" s="2" t="s">
        <v>51</v>
      </c>
    </row>
    <row r="68" spans="1:9" x14ac:dyDescent="0.25">
      <c r="A68" s="4" t="s">
        <v>259</v>
      </c>
      <c r="B68" s="6" t="s">
        <v>169</v>
      </c>
      <c r="C68" s="2" t="s">
        <v>260</v>
      </c>
      <c r="D68" s="2" t="s">
        <v>260</v>
      </c>
      <c r="E68" s="2" t="s">
        <v>51</v>
      </c>
      <c r="F68" s="2" t="s">
        <v>51</v>
      </c>
      <c r="G68" s="2" t="s">
        <v>51</v>
      </c>
      <c r="H68" s="2" t="s">
        <v>51</v>
      </c>
      <c r="I68" s="2" t="s">
        <v>260</v>
      </c>
    </row>
    <row r="69" spans="1:9" x14ac:dyDescent="0.25">
      <c r="A69" s="4" t="s">
        <v>261</v>
      </c>
      <c r="B69" s="6" t="s">
        <v>172</v>
      </c>
      <c r="C69" s="2" t="s">
        <v>262</v>
      </c>
      <c r="D69" s="2" t="s">
        <v>262</v>
      </c>
      <c r="E69" s="2" t="s">
        <v>51</v>
      </c>
      <c r="F69" s="2" t="s">
        <v>51</v>
      </c>
      <c r="G69" s="2" t="s">
        <v>51</v>
      </c>
      <c r="H69" s="2" t="s">
        <v>51</v>
      </c>
      <c r="I69" s="2" t="s">
        <v>262</v>
      </c>
    </row>
    <row r="70" spans="1:9" x14ac:dyDescent="0.25">
      <c r="A70" s="4" t="s">
        <v>263</v>
      </c>
      <c r="B70" s="6" t="s">
        <v>174</v>
      </c>
      <c r="C70" s="2" t="s">
        <v>51</v>
      </c>
      <c r="D70" s="2" t="s">
        <v>51</v>
      </c>
      <c r="E70" s="2" t="s">
        <v>51</v>
      </c>
      <c r="F70" s="2" t="s">
        <v>51</v>
      </c>
      <c r="G70" s="2" t="s">
        <v>51</v>
      </c>
      <c r="H70" s="2" t="s">
        <v>51</v>
      </c>
      <c r="I70" s="2" t="s">
        <v>51</v>
      </c>
    </row>
    <row r="71" spans="1:9" x14ac:dyDescent="0.25">
      <c r="A71" s="5" t="s">
        <v>264</v>
      </c>
      <c r="B71" s="7" t="s">
        <v>265</v>
      </c>
      <c r="C71" s="3" t="s">
        <v>266</v>
      </c>
      <c r="D71" s="3" t="s">
        <v>266</v>
      </c>
      <c r="E71" s="3" t="s">
        <v>51</v>
      </c>
      <c r="F71" s="3" t="s">
        <v>51</v>
      </c>
      <c r="G71" s="3" t="s">
        <v>51</v>
      </c>
      <c r="H71" s="3" t="s">
        <v>51</v>
      </c>
      <c r="I71" s="3" t="s">
        <v>266</v>
      </c>
    </row>
    <row r="72" spans="1:9" x14ac:dyDescent="0.25">
      <c r="A72" s="4" t="s">
        <v>267</v>
      </c>
      <c r="B72" s="6" t="s">
        <v>268</v>
      </c>
      <c r="C72" s="2" t="s">
        <v>51</v>
      </c>
      <c r="D72" s="2" t="s">
        <v>51</v>
      </c>
      <c r="E72" s="2" t="s">
        <v>51</v>
      </c>
      <c r="F72" s="2" t="s">
        <v>51</v>
      </c>
      <c r="G72" s="2" t="s">
        <v>51</v>
      </c>
      <c r="H72" s="2" t="s">
        <v>51</v>
      </c>
      <c r="I72" s="2" t="s">
        <v>51</v>
      </c>
    </row>
    <row r="73" spans="1:9" x14ac:dyDescent="0.25">
      <c r="A73" s="4" t="s">
        <v>269</v>
      </c>
      <c r="B73" s="6" t="s">
        <v>270</v>
      </c>
      <c r="C73" s="2" t="s">
        <v>51</v>
      </c>
      <c r="D73" s="2" t="s">
        <v>51</v>
      </c>
      <c r="E73" s="2" t="s">
        <v>51</v>
      </c>
      <c r="F73" s="2" t="s">
        <v>51</v>
      </c>
      <c r="G73" s="2" t="s">
        <v>51</v>
      </c>
      <c r="H73" s="2" t="s">
        <v>51</v>
      </c>
      <c r="I73" s="2" t="s">
        <v>51</v>
      </c>
    </row>
    <row r="74" spans="1:9" x14ac:dyDescent="0.25">
      <c r="A74" s="4" t="s">
        <v>271</v>
      </c>
      <c r="B74" s="6" t="s">
        <v>272</v>
      </c>
      <c r="C74" s="2" t="s">
        <v>51</v>
      </c>
      <c r="D74" s="2" t="s">
        <v>51</v>
      </c>
      <c r="E74" s="2" t="s">
        <v>51</v>
      </c>
      <c r="F74" s="2" t="s">
        <v>51</v>
      </c>
      <c r="G74" s="2" t="s">
        <v>51</v>
      </c>
      <c r="H74" s="2" t="s">
        <v>51</v>
      </c>
      <c r="I74" s="2" t="s">
        <v>51</v>
      </c>
    </row>
    <row r="75" spans="1:9" x14ac:dyDescent="0.25">
      <c r="A75" s="4" t="s">
        <v>273</v>
      </c>
      <c r="B75" s="6" t="s">
        <v>274</v>
      </c>
      <c r="C75" s="2" t="s">
        <v>266</v>
      </c>
      <c r="D75" s="2" t="s">
        <v>266</v>
      </c>
      <c r="E75" s="2" t="s">
        <v>51</v>
      </c>
      <c r="F75" s="2" t="s">
        <v>51</v>
      </c>
      <c r="G75" s="2" t="s">
        <v>51</v>
      </c>
      <c r="H75" s="2" t="s">
        <v>51</v>
      </c>
      <c r="I75" s="2" t="s">
        <v>266</v>
      </c>
    </row>
    <row r="76" spans="1:9" x14ac:dyDescent="0.25">
      <c r="A76" s="4" t="s">
        <v>275</v>
      </c>
      <c r="B76" s="6" t="s">
        <v>276</v>
      </c>
      <c r="C76" s="2" t="s">
        <v>277</v>
      </c>
      <c r="D76" s="2" t="s">
        <v>278</v>
      </c>
      <c r="E76" s="2" t="s">
        <v>279</v>
      </c>
      <c r="F76" s="2" t="s">
        <v>280</v>
      </c>
      <c r="G76" s="2" t="s">
        <v>279</v>
      </c>
      <c r="H76" s="2" t="s">
        <v>280</v>
      </c>
      <c r="I76" s="2" t="s">
        <v>281</v>
      </c>
    </row>
    <row r="77" spans="1:9" x14ac:dyDescent="0.25">
      <c r="A77" s="5" t="s">
        <v>282</v>
      </c>
      <c r="B77" s="7" t="s">
        <v>283</v>
      </c>
      <c r="C77" s="3" t="s">
        <v>284</v>
      </c>
      <c r="D77" s="3" t="s">
        <v>285</v>
      </c>
      <c r="E77" s="3" t="s">
        <v>286</v>
      </c>
      <c r="F77" s="3" t="s">
        <v>287</v>
      </c>
      <c r="G77" s="9">
        <v>2420243548.02</v>
      </c>
      <c r="H77" s="3" t="s">
        <v>287</v>
      </c>
      <c r="I77" s="3" t="s">
        <v>288</v>
      </c>
    </row>
    <row r="78" spans="1:9" x14ac:dyDescent="0.25">
      <c r="A78" s="5" t="s">
        <v>289</v>
      </c>
      <c r="B78" s="7" t="s">
        <v>290</v>
      </c>
      <c r="C78" s="3" t="s">
        <v>51</v>
      </c>
      <c r="D78" s="3" t="s">
        <v>51</v>
      </c>
      <c r="E78" s="3" t="s">
        <v>51</v>
      </c>
      <c r="F78" s="3" t="s">
        <v>51</v>
      </c>
      <c r="G78" s="3" t="s">
        <v>51</v>
      </c>
      <c r="H78" s="3" t="s">
        <v>51</v>
      </c>
      <c r="I78" s="3" t="s">
        <v>51</v>
      </c>
    </row>
    <row r="79" spans="1:9" x14ac:dyDescent="0.25">
      <c r="A79" s="5" t="s">
        <v>291</v>
      </c>
      <c r="B79" s="7" t="s">
        <v>292</v>
      </c>
      <c r="C79" s="3" t="s">
        <v>51</v>
      </c>
      <c r="D79" s="3" t="s">
        <v>51</v>
      </c>
      <c r="E79" s="3" t="s">
        <v>51</v>
      </c>
      <c r="F79" s="3" t="s">
        <v>51</v>
      </c>
      <c r="G79" s="3" t="s">
        <v>51</v>
      </c>
      <c r="H79" s="3" t="s">
        <v>51</v>
      </c>
      <c r="I79" s="3" t="s">
        <v>51</v>
      </c>
    </row>
    <row r="80" spans="1:9" x14ac:dyDescent="0.25">
      <c r="A80" s="4" t="s">
        <v>293</v>
      </c>
      <c r="B80" s="6" t="s">
        <v>294</v>
      </c>
      <c r="C80" s="2" t="s">
        <v>51</v>
      </c>
      <c r="D80" s="2" t="s">
        <v>51</v>
      </c>
      <c r="E80" s="2" t="s">
        <v>51</v>
      </c>
      <c r="F80" s="2" t="s">
        <v>51</v>
      </c>
      <c r="G80" s="2" t="s">
        <v>51</v>
      </c>
      <c r="H80" s="2" t="s">
        <v>51</v>
      </c>
      <c r="I80" s="2" t="s">
        <v>51</v>
      </c>
    </row>
    <row r="81" spans="1:11" x14ac:dyDescent="0.25">
      <c r="A81" s="4" t="s">
        <v>295</v>
      </c>
      <c r="B81" s="6" t="s">
        <v>296</v>
      </c>
      <c r="C81" s="2" t="s">
        <v>51</v>
      </c>
      <c r="D81" s="2" t="s">
        <v>51</v>
      </c>
      <c r="E81" s="2" t="s">
        <v>51</v>
      </c>
      <c r="F81" s="2" t="s">
        <v>51</v>
      </c>
      <c r="G81" s="2" t="s">
        <v>51</v>
      </c>
      <c r="H81" s="2" t="s">
        <v>51</v>
      </c>
      <c r="I81" s="2" t="s">
        <v>51</v>
      </c>
    </row>
    <row r="82" spans="1:11" x14ac:dyDescent="0.25">
      <c r="A82" s="5" t="s">
        <v>297</v>
      </c>
      <c r="B82" s="7" t="s">
        <v>298</v>
      </c>
      <c r="C82" s="3" t="s">
        <v>51</v>
      </c>
      <c r="D82" s="3" t="s">
        <v>51</v>
      </c>
      <c r="E82" s="3" t="s">
        <v>51</v>
      </c>
      <c r="F82" s="3" t="s">
        <v>51</v>
      </c>
      <c r="G82" s="3" t="s">
        <v>51</v>
      </c>
      <c r="H82" s="3" t="s">
        <v>51</v>
      </c>
      <c r="I82" s="3" t="s">
        <v>51</v>
      </c>
    </row>
    <row r="83" spans="1:11" x14ac:dyDescent="0.25">
      <c r="A83" s="4" t="s">
        <v>299</v>
      </c>
      <c r="B83" s="6" t="s">
        <v>294</v>
      </c>
      <c r="C83" s="2" t="s">
        <v>51</v>
      </c>
      <c r="D83" s="2" t="s">
        <v>51</v>
      </c>
      <c r="E83" s="2" t="s">
        <v>51</v>
      </c>
      <c r="F83" s="2" t="s">
        <v>51</v>
      </c>
      <c r="G83" s="2" t="s">
        <v>51</v>
      </c>
      <c r="H83" s="2" t="s">
        <v>51</v>
      </c>
      <c r="I83" s="2" t="s">
        <v>51</v>
      </c>
    </row>
    <row r="84" spans="1:11" x14ac:dyDescent="0.25">
      <c r="A84" s="4" t="s">
        <v>300</v>
      </c>
      <c r="B84" s="6" t="s">
        <v>296</v>
      </c>
      <c r="C84" s="2" t="s">
        <v>51</v>
      </c>
      <c r="D84" s="2" t="s">
        <v>51</v>
      </c>
      <c r="E84" s="2" t="s">
        <v>51</v>
      </c>
      <c r="F84" s="2" t="s">
        <v>51</v>
      </c>
      <c r="G84" s="2" t="s">
        <v>51</v>
      </c>
      <c r="H84" s="2" t="s">
        <v>51</v>
      </c>
      <c r="I84" s="2" t="s">
        <v>51</v>
      </c>
    </row>
    <row r="85" spans="1:11" x14ac:dyDescent="0.25">
      <c r="A85" s="5" t="s">
        <v>301</v>
      </c>
      <c r="B85" s="7" t="s">
        <v>302</v>
      </c>
      <c r="C85" s="3" t="s">
        <v>284</v>
      </c>
      <c r="D85" s="3" t="s">
        <v>285</v>
      </c>
      <c r="E85" s="3" t="s">
        <v>286</v>
      </c>
      <c r="F85" s="3" t="s">
        <v>287</v>
      </c>
      <c r="G85" s="8" t="s">
        <v>286</v>
      </c>
      <c r="H85" s="3" t="s">
        <v>287</v>
      </c>
      <c r="I85" s="3" t="s">
        <v>288</v>
      </c>
    </row>
    <row r="86" spans="1:11" x14ac:dyDescent="0.25">
      <c r="A86" s="4" t="s">
        <v>303</v>
      </c>
      <c r="B86" s="6" t="s">
        <v>304</v>
      </c>
      <c r="C86" s="2" t="s">
        <v>51</v>
      </c>
      <c r="D86" s="2" t="s">
        <v>51</v>
      </c>
      <c r="E86" s="2" t="s">
        <v>51</v>
      </c>
      <c r="F86" s="2" t="s">
        <v>51</v>
      </c>
      <c r="G86" s="2" t="s">
        <v>51</v>
      </c>
      <c r="H86" s="2" t="s">
        <v>51</v>
      </c>
      <c r="I86" s="2" t="s">
        <v>51</v>
      </c>
    </row>
    <row r="87" spans="1:11" x14ac:dyDescent="0.25">
      <c r="A87" s="5" t="s">
        <v>305</v>
      </c>
      <c r="B87" s="7" t="s">
        <v>306</v>
      </c>
      <c r="C87" s="3" t="s">
        <v>284</v>
      </c>
      <c r="D87" s="3" t="s">
        <v>285</v>
      </c>
      <c r="E87" s="3" t="s">
        <v>286</v>
      </c>
      <c r="F87" s="3" t="s">
        <v>287</v>
      </c>
      <c r="G87" s="3" t="s">
        <v>286</v>
      </c>
      <c r="H87" s="3" t="s">
        <v>287</v>
      </c>
      <c r="I87" s="3" t="s">
        <v>288</v>
      </c>
    </row>
    <row r="88" spans="1:11" x14ac:dyDescent="0.25">
      <c r="A88" s="5" t="s">
        <v>307</v>
      </c>
      <c r="B88" s="7" t="s">
        <v>308</v>
      </c>
      <c r="C88" s="3" t="s">
        <v>51</v>
      </c>
      <c r="D88" s="3" t="s">
        <v>51</v>
      </c>
      <c r="E88" s="3" t="s">
        <v>51</v>
      </c>
      <c r="F88" s="3" t="s">
        <v>51</v>
      </c>
      <c r="G88" s="3" t="s">
        <v>51</v>
      </c>
      <c r="H88" s="3" t="s">
        <v>51</v>
      </c>
      <c r="I88" s="3" t="s">
        <v>51</v>
      </c>
    </row>
    <row r="89" spans="1:11" x14ac:dyDescent="0.25">
      <c r="A89" s="4" t="s">
        <v>309</v>
      </c>
      <c r="B89" s="6" t="s">
        <v>310</v>
      </c>
      <c r="C89" s="2" t="s">
        <v>51</v>
      </c>
      <c r="D89" s="2" t="s">
        <v>51</v>
      </c>
      <c r="E89" s="2" t="s">
        <v>51</v>
      </c>
      <c r="F89" s="2" t="s">
        <v>51</v>
      </c>
      <c r="G89" s="2" t="s">
        <v>51</v>
      </c>
      <c r="H89" s="2" t="s">
        <v>51</v>
      </c>
      <c r="I89" s="2" t="s">
        <v>51</v>
      </c>
    </row>
    <row r="90" spans="1:11" x14ac:dyDescent="0.25">
      <c r="A90" s="4" t="s">
        <v>311</v>
      </c>
      <c r="B90" s="6" t="s">
        <v>312</v>
      </c>
      <c r="C90" s="2" t="s">
        <v>51</v>
      </c>
      <c r="D90" s="2" t="s">
        <v>51</v>
      </c>
      <c r="E90" s="2" t="s">
        <v>51</v>
      </c>
      <c r="F90" s="2" t="s">
        <v>51</v>
      </c>
      <c r="G90" s="2" t="s">
        <v>51</v>
      </c>
      <c r="H90" s="2" t="s">
        <v>51</v>
      </c>
      <c r="I90" s="2" t="s">
        <v>51</v>
      </c>
    </row>
    <row r="91" spans="1:11" x14ac:dyDescent="0.25">
      <c r="A91" s="4" t="s">
        <v>313</v>
      </c>
      <c r="B91" s="6" t="s">
        <v>314</v>
      </c>
      <c r="C91" s="2" t="s">
        <v>51</v>
      </c>
      <c r="D91" s="2" t="s">
        <v>51</v>
      </c>
      <c r="E91" s="2" t="s">
        <v>51</v>
      </c>
      <c r="F91" s="2" t="s">
        <v>51</v>
      </c>
      <c r="G91" s="2" t="s">
        <v>51</v>
      </c>
      <c r="H91" s="2" t="s">
        <v>51</v>
      </c>
      <c r="I91" s="2" t="s">
        <v>51</v>
      </c>
    </row>
    <row r="93" spans="1:11" x14ac:dyDescent="0.25">
      <c r="A93" s="11" t="s">
        <v>6</v>
      </c>
      <c r="B93" s="11" t="s">
        <v>315</v>
      </c>
      <c r="C93" s="11" t="s">
        <v>316</v>
      </c>
      <c r="D93" s="11" t="s">
        <v>317</v>
      </c>
      <c r="E93" s="11" t="s">
        <v>318</v>
      </c>
      <c r="F93" s="11" t="s">
        <v>7</v>
      </c>
      <c r="G93" s="11" t="s">
        <v>321</v>
      </c>
      <c r="H93" s="11" t="s">
        <v>322</v>
      </c>
      <c r="I93" s="11" t="s">
        <v>7</v>
      </c>
      <c r="J93" s="11" t="s">
        <v>324</v>
      </c>
      <c r="K93" s="11" t="s">
        <v>325</v>
      </c>
    </row>
    <row r="94" spans="1:11" ht="21" x14ac:dyDescent="0.25">
      <c r="A94" s="11" t="s">
        <v>7</v>
      </c>
      <c r="B94" s="11" t="s">
        <v>7</v>
      </c>
      <c r="C94" s="11" t="s">
        <v>7</v>
      </c>
      <c r="D94" s="11" t="s">
        <v>7</v>
      </c>
      <c r="E94" s="1" t="s">
        <v>319</v>
      </c>
      <c r="F94" s="1" t="s">
        <v>320</v>
      </c>
      <c r="G94" s="11" t="s">
        <v>7</v>
      </c>
      <c r="H94" s="1" t="s">
        <v>319</v>
      </c>
      <c r="I94" s="1" t="s">
        <v>323</v>
      </c>
      <c r="J94" s="11" t="s">
        <v>7</v>
      </c>
      <c r="K94" s="11" t="s">
        <v>7</v>
      </c>
    </row>
    <row r="95" spans="1:11" x14ac:dyDescent="0.25">
      <c r="A95" s="5" t="s">
        <v>326</v>
      </c>
      <c r="B95" s="7" t="s">
        <v>327</v>
      </c>
      <c r="C95" s="3" t="s">
        <v>328</v>
      </c>
      <c r="D95" s="3" t="s">
        <v>329</v>
      </c>
      <c r="E95" s="3" t="s">
        <v>330</v>
      </c>
      <c r="F95" s="3" t="s">
        <v>330</v>
      </c>
      <c r="G95" s="3" t="s">
        <v>331</v>
      </c>
      <c r="H95" s="3" t="s">
        <v>332</v>
      </c>
      <c r="I95" s="3" t="s">
        <v>332</v>
      </c>
      <c r="J95" s="3" t="s">
        <v>333</v>
      </c>
      <c r="K95" s="3" t="s">
        <v>334</v>
      </c>
    </row>
    <row r="96" spans="1:11" x14ac:dyDescent="0.25">
      <c r="A96" s="5" t="s">
        <v>335</v>
      </c>
      <c r="B96" s="7" t="s">
        <v>336</v>
      </c>
      <c r="C96" s="3" t="s">
        <v>337</v>
      </c>
      <c r="D96" s="3" t="s">
        <v>338</v>
      </c>
      <c r="E96" s="3" t="s">
        <v>339</v>
      </c>
      <c r="F96" s="3" t="s">
        <v>339</v>
      </c>
      <c r="G96" s="3" t="s">
        <v>340</v>
      </c>
      <c r="H96" s="3" t="s">
        <v>341</v>
      </c>
      <c r="I96" s="3" t="s">
        <v>341</v>
      </c>
      <c r="J96" s="3" t="s">
        <v>342</v>
      </c>
      <c r="K96" s="3" t="s">
        <v>343</v>
      </c>
    </row>
    <row r="97" spans="1:11" x14ac:dyDescent="0.25">
      <c r="A97" s="4" t="s">
        <v>344</v>
      </c>
      <c r="B97" s="6" t="s">
        <v>345</v>
      </c>
      <c r="C97" s="2" t="s">
        <v>346</v>
      </c>
      <c r="D97" s="2" t="s">
        <v>347</v>
      </c>
      <c r="E97" s="2" t="s">
        <v>348</v>
      </c>
      <c r="F97" s="2" t="s">
        <v>348</v>
      </c>
      <c r="G97" s="2" t="s">
        <v>349</v>
      </c>
      <c r="H97" s="2" t="s">
        <v>350</v>
      </c>
      <c r="I97" s="2" t="s">
        <v>350</v>
      </c>
      <c r="J97" s="2" t="s">
        <v>351</v>
      </c>
      <c r="K97" s="2" t="s">
        <v>352</v>
      </c>
    </row>
    <row r="98" spans="1:11" x14ac:dyDescent="0.25">
      <c r="A98" s="4" t="s">
        <v>353</v>
      </c>
      <c r="B98" s="6" t="s">
        <v>354</v>
      </c>
      <c r="C98" s="2" t="s">
        <v>355</v>
      </c>
      <c r="D98" s="2" t="s">
        <v>356</v>
      </c>
      <c r="E98" s="2" t="s">
        <v>357</v>
      </c>
      <c r="F98" s="2" t="s">
        <v>357</v>
      </c>
      <c r="G98" s="2" t="s">
        <v>358</v>
      </c>
      <c r="H98" s="2" t="s">
        <v>359</v>
      </c>
      <c r="I98" s="2" t="s">
        <v>359</v>
      </c>
      <c r="J98" s="2" t="s">
        <v>360</v>
      </c>
      <c r="K98" s="2" t="s">
        <v>359</v>
      </c>
    </row>
    <row r="99" spans="1:11" x14ac:dyDescent="0.25">
      <c r="A99" s="5" t="s">
        <v>361</v>
      </c>
      <c r="B99" s="7" t="s">
        <v>362</v>
      </c>
      <c r="C99" s="3" t="s">
        <v>363</v>
      </c>
      <c r="D99" s="3" t="s">
        <v>364</v>
      </c>
      <c r="E99" s="3" t="s">
        <v>365</v>
      </c>
      <c r="F99" s="3" t="s">
        <v>365</v>
      </c>
      <c r="G99" s="3" t="s">
        <v>366</v>
      </c>
      <c r="H99" s="3" t="s">
        <v>367</v>
      </c>
      <c r="I99" s="3" t="s">
        <v>367</v>
      </c>
      <c r="J99" s="3" t="s">
        <v>368</v>
      </c>
      <c r="K99" s="3" t="s">
        <v>369</v>
      </c>
    </row>
    <row r="100" spans="1:11" x14ac:dyDescent="0.25">
      <c r="A100" s="4" t="s">
        <v>370</v>
      </c>
      <c r="B100" s="6" t="s">
        <v>371</v>
      </c>
      <c r="C100" s="2" t="s">
        <v>372</v>
      </c>
      <c r="D100" s="2" t="s">
        <v>373</v>
      </c>
      <c r="E100" s="2" t="s">
        <v>374</v>
      </c>
      <c r="F100" s="2" t="s">
        <v>374</v>
      </c>
      <c r="G100" s="2" t="s">
        <v>375</v>
      </c>
      <c r="H100" s="2" t="s">
        <v>374</v>
      </c>
      <c r="I100" s="2" t="s">
        <v>374</v>
      </c>
      <c r="J100" s="2" t="s">
        <v>375</v>
      </c>
      <c r="K100" s="2" t="s">
        <v>376</v>
      </c>
    </row>
    <row r="101" spans="1:11" x14ac:dyDescent="0.25">
      <c r="A101" s="4" t="s">
        <v>377</v>
      </c>
      <c r="B101" s="6" t="s">
        <v>378</v>
      </c>
      <c r="C101" s="2" t="s">
        <v>379</v>
      </c>
      <c r="D101" s="2" t="s">
        <v>380</v>
      </c>
      <c r="E101" s="2" t="s">
        <v>381</v>
      </c>
      <c r="F101" s="2" t="s">
        <v>381</v>
      </c>
      <c r="G101" s="2" t="s">
        <v>382</v>
      </c>
      <c r="H101" s="2" t="s">
        <v>383</v>
      </c>
      <c r="I101" s="2" t="s">
        <v>383</v>
      </c>
      <c r="J101" s="2" t="s">
        <v>384</v>
      </c>
      <c r="K101" s="2" t="s">
        <v>385</v>
      </c>
    </row>
    <row r="102" spans="1:11" x14ac:dyDescent="0.25">
      <c r="A102" s="5" t="s">
        <v>386</v>
      </c>
      <c r="B102" s="7" t="s">
        <v>387</v>
      </c>
      <c r="C102" s="3" t="s">
        <v>388</v>
      </c>
      <c r="D102" s="3" t="s">
        <v>389</v>
      </c>
      <c r="E102" s="3" t="s">
        <v>390</v>
      </c>
      <c r="F102" s="3" t="s">
        <v>390</v>
      </c>
      <c r="G102" s="3" t="s">
        <v>391</v>
      </c>
      <c r="H102" s="3" t="s">
        <v>392</v>
      </c>
      <c r="I102" s="3" t="s">
        <v>392</v>
      </c>
      <c r="J102" s="3" t="s">
        <v>393</v>
      </c>
      <c r="K102" s="3" t="s">
        <v>394</v>
      </c>
    </row>
    <row r="103" spans="1:11" x14ac:dyDescent="0.25">
      <c r="A103" s="4" t="s">
        <v>395</v>
      </c>
      <c r="B103" s="6" t="s">
        <v>396</v>
      </c>
      <c r="C103" s="2" t="s">
        <v>397</v>
      </c>
      <c r="D103" s="2" t="s">
        <v>398</v>
      </c>
      <c r="E103" s="2" t="s">
        <v>399</v>
      </c>
      <c r="F103" s="2" t="s">
        <v>399</v>
      </c>
      <c r="G103" s="2" t="s">
        <v>400</v>
      </c>
      <c r="H103" s="2" t="s">
        <v>401</v>
      </c>
      <c r="I103" s="2" t="s">
        <v>401</v>
      </c>
      <c r="J103" s="2" t="s">
        <v>402</v>
      </c>
      <c r="K103" s="2" t="s">
        <v>403</v>
      </c>
    </row>
    <row r="104" spans="1:11" x14ac:dyDescent="0.25">
      <c r="A104" s="4" t="s">
        <v>404</v>
      </c>
      <c r="B104" s="6" t="s">
        <v>405</v>
      </c>
      <c r="C104" s="2" t="s">
        <v>406</v>
      </c>
      <c r="D104" s="2" t="s">
        <v>406</v>
      </c>
      <c r="E104" s="2" t="s">
        <v>51</v>
      </c>
      <c r="F104" s="2" t="s">
        <v>51</v>
      </c>
      <c r="G104" s="2" t="s">
        <v>406</v>
      </c>
      <c r="H104" s="2" t="s">
        <v>51</v>
      </c>
      <c r="I104" s="2" t="s">
        <v>51</v>
      </c>
      <c r="J104" s="2" t="s">
        <v>406</v>
      </c>
      <c r="K104" s="2" t="s">
        <v>51</v>
      </c>
    </row>
    <row r="105" spans="1:11" x14ac:dyDescent="0.25">
      <c r="A105" s="4" t="s">
        <v>407</v>
      </c>
      <c r="B105" s="6" t="s">
        <v>408</v>
      </c>
      <c r="C105" s="2" t="s">
        <v>409</v>
      </c>
      <c r="D105" s="2" t="s">
        <v>410</v>
      </c>
      <c r="E105" s="2" t="s">
        <v>411</v>
      </c>
      <c r="F105" s="2" t="s">
        <v>411</v>
      </c>
      <c r="G105" s="2" t="s">
        <v>412</v>
      </c>
      <c r="H105" s="2" t="s">
        <v>413</v>
      </c>
      <c r="I105" s="2" t="s">
        <v>413</v>
      </c>
      <c r="J105" s="2" t="s">
        <v>414</v>
      </c>
      <c r="K105" s="2" t="s">
        <v>413</v>
      </c>
    </row>
    <row r="106" spans="1:11" x14ac:dyDescent="0.25">
      <c r="A106" s="4" t="s">
        <v>415</v>
      </c>
      <c r="B106" s="6" t="s">
        <v>416</v>
      </c>
      <c r="C106" s="2" t="s">
        <v>417</v>
      </c>
      <c r="D106" s="2" t="s">
        <v>418</v>
      </c>
      <c r="E106" s="2" t="s">
        <v>51</v>
      </c>
      <c r="F106" s="2" t="s">
        <v>51</v>
      </c>
      <c r="G106" s="2" t="s">
        <v>418</v>
      </c>
      <c r="H106" s="2" t="s">
        <v>51</v>
      </c>
      <c r="I106" s="2" t="s">
        <v>51</v>
      </c>
      <c r="J106" s="2" t="s">
        <v>418</v>
      </c>
      <c r="K106" s="2" t="s">
        <v>51</v>
      </c>
    </row>
    <row r="107" spans="1:11" x14ac:dyDescent="0.25">
      <c r="A107" s="4" t="s">
        <v>419</v>
      </c>
      <c r="B107" s="6" t="s">
        <v>420</v>
      </c>
      <c r="C107" s="2" t="s">
        <v>421</v>
      </c>
      <c r="D107" s="2" t="s">
        <v>422</v>
      </c>
      <c r="E107" s="2" t="s">
        <v>423</v>
      </c>
      <c r="F107" s="2" t="s">
        <v>423</v>
      </c>
      <c r="G107" s="2" t="s">
        <v>424</v>
      </c>
      <c r="H107" s="2" t="s">
        <v>425</v>
      </c>
      <c r="I107" s="2" t="s">
        <v>425</v>
      </c>
      <c r="J107" s="2" t="s">
        <v>426</v>
      </c>
      <c r="K107" s="2" t="s">
        <v>427</v>
      </c>
    </row>
    <row r="108" spans="1:11" x14ac:dyDescent="0.25">
      <c r="A108" s="5" t="s">
        <v>428</v>
      </c>
      <c r="B108" s="7" t="s">
        <v>429</v>
      </c>
      <c r="C108" s="3" t="s">
        <v>284</v>
      </c>
      <c r="D108" s="3" t="s">
        <v>430</v>
      </c>
      <c r="E108" s="3" t="s">
        <v>431</v>
      </c>
      <c r="F108" s="3" t="s">
        <v>431</v>
      </c>
      <c r="G108" s="3" t="s">
        <v>432</v>
      </c>
      <c r="H108" s="3" t="s">
        <v>433</v>
      </c>
      <c r="I108" s="3" t="s">
        <v>433</v>
      </c>
      <c r="J108" s="3" t="s">
        <v>434</v>
      </c>
      <c r="K108" s="3" t="s">
        <v>435</v>
      </c>
    </row>
    <row r="109" spans="1:11" x14ac:dyDescent="0.25">
      <c r="A109" s="5" t="s">
        <v>436</v>
      </c>
      <c r="B109" s="7" t="s">
        <v>437</v>
      </c>
      <c r="C109" s="3" t="s">
        <v>51</v>
      </c>
      <c r="D109" s="3" t="s">
        <v>51</v>
      </c>
      <c r="E109" s="3" t="s">
        <v>51</v>
      </c>
      <c r="F109" s="3" t="s">
        <v>51</v>
      </c>
      <c r="G109" s="3" t="s">
        <v>51</v>
      </c>
      <c r="H109" s="3" t="s">
        <v>51</v>
      </c>
      <c r="I109" s="3" t="s">
        <v>51</v>
      </c>
      <c r="J109" s="3" t="s">
        <v>51</v>
      </c>
      <c r="K109" s="3" t="s">
        <v>51</v>
      </c>
    </row>
    <row r="110" spans="1:11" x14ac:dyDescent="0.25">
      <c r="A110" s="5" t="s">
        <v>438</v>
      </c>
      <c r="B110" s="7" t="s">
        <v>439</v>
      </c>
      <c r="C110" s="3" t="s">
        <v>51</v>
      </c>
      <c r="D110" s="3" t="s">
        <v>51</v>
      </c>
      <c r="E110" s="3" t="s">
        <v>51</v>
      </c>
      <c r="F110" s="3" t="s">
        <v>51</v>
      </c>
      <c r="G110" s="3" t="s">
        <v>51</v>
      </c>
      <c r="H110" s="3" t="s">
        <v>51</v>
      </c>
      <c r="I110" s="3" t="s">
        <v>51</v>
      </c>
      <c r="J110" s="3" t="s">
        <v>51</v>
      </c>
      <c r="K110" s="3" t="s">
        <v>51</v>
      </c>
    </row>
    <row r="111" spans="1:11" x14ac:dyDescent="0.25">
      <c r="A111" s="4" t="s">
        <v>440</v>
      </c>
      <c r="B111" s="6" t="s">
        <v>441</v>
      </c>
      <c r="C111" s="2" t="s">
        <v>51</v>
      </c>
      <c r="D111" s="2" t="s">
        <v>51</v>
      </c>
      <c r="E111" s="2" t="s">
        <v>51</v>
      </c>
      <c r="F111" s="2" t="s">
        <v>51</v>
      </c>
      <c r="G111" s="2" t="s">
        <v>51</v>
      </c>
      <c r="H111" s="2" t="s">
        <v>51</v>
      </c>
      <c r="I111" s="2" t="s">
        <v>51</v>
      </c>
      <c r="J111" s="2" t="s">
        <v>51</v>
      </c>
      <c r="K111" s="2" t="s">
        <v>51</v>
      </c>
    </row>
    <row r="112" spans="1:11" x14ac:dyDescent="0.25">
      <c r="A112" s="4" t="s">
        <v>442</v>
      </c>
      <c r="B112" s="6" t="s">
        <v>443</v>
      </c>
      <c r="C112" s="2" t="s">
        <v>51</v>
      </c>
      <c r="D112" s="2" t="s">
        <v>51</v>
      </c>
      <c r="E112" s="2" t="s">
        <v>51</v>
      </c>
      <c r="F112" s="2" t="s">
        <v>51</v>
      </c>
      <c r="G112" s="2" t="s">
        <v>51</v>
      </c>
      <c r="H112" s="2" t="s">
        <v>51</v>
      </c>
      <c r="I112" s="2" t="s">
        <v>51</v>
      </c>
      <c r="J112" s="2" t="s">
        <v>51</v>
      </c>
      <c r="K112" s="2" t="s">
        <v>51</v>
      </c>
    </row>
    <row r="113" spans="1:11" x14ac:dyDescent="0.25">
      <c r="A113" s="5" t="s">
        <v>444</v>
      </c>
      <c r="B113" s="7" t="s">
        <v>445</v>
      </c>
      <c r="C113" s="3" t="s">
        <v>51</v>
      </c>
      <c r="D113" s="3" t="s">
        <v>51</v>
      </c>
      <c r="E113" s="3" t="s">
        <v>51</v>
      </c>
      <c r="F113" s="3" t="s">
        <v>51</v>
      </c>
      <c r="G113" s="3" t="s">
        <v>51</v>
      </c>
      <c r="H113" s="3" t="s">
        <v>51</v>
      </c>
      <c r="I113" s="3" t="s">
        <v>51</v>
      </c>
      <c r="J113" s="3" t="s">
        <v>51</v>
      </c>
      <c r="K113" s="3" t="s">
        <v>51</v>
      </c>
    </row>
    <row r="114" spans="1:11" x14ac:dyDescent="0.25">
      <c r="A114" s="4" t="s">
        <v>446</v>
      </c>
      <c r="B114" s="6" t="s">
        <v>441</v>
      </c>
      <c r="C114" s="2" t="s">
        <v>51</v>
      </c>
      <c r="D114" s="2" t="s">
        <v>51</v>
      </c>
      <c r="E114" s="2" t="s">
        <v>51</v>
      </c>
      <c r="F114" s="2" t="s">
        <v>51</v>
      </c>
      <c r="G114" s="2" t="s">
        <v>51</v>
      </c>
      <c r="H114" s="2" t="s">
        <v>51</v>
      </c>
      <c r="I114" s="2" t="s">
        <v>51</v>
      </c>
      <c r="J114" s="2" t="s">
        <v>51</v>
      </c>
      <c r="K114" s="2" t="s">
        <v>51</v>
      </c>
    </row>
    <row r="115" spans="1:11" x14ac:dyDescent="0.25">
      <c r="A115" s="4" t="s">
        <v>447</v>
      </c>
      <c r="B115" s="6" t="s">
        <v>443</v>
      </c>
      <c r="C115" s="2" t="s">
        <v>51</v>
      </c>
      <c r="D115" s="2" t="s">
        <v>51</v>
      </c>
      <c r="E115" s="2" t="s">
        <v>51</v>
      </c>
      <c r="F115" s="2" t="s">
        <v>51</v>
      </c>
      <c r="G115" s="2" t="s">
        <v>51</v>
      </c>
      <c r="H115" s="2" t="s">
        <v>51</v>
      </c>
      <c r="I115" s="2" t="s">
        <v>51</v>
      </c>
      <c r="J115" s="2" t="s">
        <v>51</v>
      </c>
      <c r="K115" s="2" t="s">
        <v>51</v>
      </c>
    </row>
    <row r="116" spans="1:11" x14ac:dyDescent="0.25">
      <c r="A116" s="5" t="s">
        <v>448</v>
      </c>
      <c r="B116" s="7" t="s">
        <v>449</v>
      </c>
      <c r="C116" s="3" t="s">
        <v>284</v>
      </c>
      <c r="D116" s="3" t="s">
        <v>430</v>
      </c>
      <c r="E116" s="3" t="s">
        <v>431</v>
      </c>
      <c r="F116" s="9">
        <v>3415304183.3400002</v>
      </c>
      <c r="G116" s="3" t="s">
        <v>432</v>
      </c>
      <c r="H116" s="3" t="s">
        <v>433</v>
      </c>
      <c r="I116" s="9">
        <v>1828712379.4200001</v>
      </c>
      <c r="J116" s="3" t="s">
        <v>434</v>
      </c>
      <c r="K116" s="3" t="s">
        <v>435</v>
      </c>
    </row>
    <row r="117" spans="1:11" x14ac:dyDescent="0.25">
      <c r="A117" s="4" t="s">
        <v>450</v>
      </c>
      <c r="B117" s="6" t="s">
        <v>451</v>
      </c>
      <c r="C117" s="2" t="s">
        <v>51</v>
      </c>
      <c r="D117" s="2" t="s">
        <v>51</v>
      </c>
      <c r="E117" s="2" t="s">
        <v>51</v>
      </c>
      <c r="F117" s="2" t="s">
        <v>51</v>
      </c>
      <c r="G117" s="2" t="s">
        <v>51</v>
      </c>
      <c r="H117" s="2" t="s">
        <v>51</v>
      </c>
      <c r="I117" s="10">
        <v>591531168.60000002</v>
      </c>
      <c r="J117" s="2" t="s">
        <v>51</v>
      </c>
      <c r="K117" s="2" t="s">
        <v>51</v>
      </c>
    </row>
    <row r="118" spans="1:11" x14ac:dyDescent="0.25">
      <c r="A118" s="5" t="s">
        <v>453</v>
      </c>
      <c r="B118" s="7" t="s">
        <v>454</v>
      </c>
      <c r="C118" s="3" t="s">
        <v>284</v>
      </c>
      <c r="D118" s="3" t="s">
        <v>430</v>
      </c>
      <c r="E118" s="3" t="s">
        <v>431</v>
      </c>
      <c r="F118" s="3" t="s">
        <v>431</v>
      </c>
      <c r="G118" s="3" t="s">
        <v>432</v>
      </c>
      <c r="H118" s="3" t="s">
        <v>433</v>
      </c>
      <c r="I118" s="3" t="s">
        <v>286</v>
      </c>
      <c r="J118" s="3" t="s">
        <v>434</v>
      </c>
      <c r="K118" s="3" t="s">
        <v>435</v>
      </c>
    </row>
    <row r="119" spans="1:11" x14ac:dyDescent="0.25">
      <c r="A119" s="4" t="s">
        <v>455</v>
      </c>
      <c r="B119" s="6" t="s">
        <v>456</v>
      </c>
      <c r="C119" s="2" t="s">
        <v>457</v>
      </c>
      <c r="D119" s="2" t="s">
        <v>458</v>
      </c>
      <c r="E119" s="2" t="s">
        <v>51</v>
      </c>
      <c r="F119" s="2" t="s">
        <v>51</v>
      </c>
      <c r="G119" s="2" t="s">
        <v>458</v>
      </c>
      <c r="H119" s="2" t="s">
        <v>51</v>
      </c>
      <c r="I119" s="2" t="s">
        <v>51</v>
      </c>
      <c r="J119" s="2" t="s">
        <v>458</v>
      </c>
      <c r="K119" s="2" t="s">
        <v>51</v>
      </c>
    </row>
    <row r="121" spans="1:11" x14ac:dyDescent="0.25">
      <c r="A121" s="11" t="s">
        <v>6</v>
      </c>
      <c r="B121" s="11" t="s">
        <v>459</v>
      </c>
      <c r="C121" s="11" t="s">
        <v>9</v>
      </c>
      <c r="D121" s="11" t="s">
        <v>10</v>
      </c>
      <c r="E121" s="11" t="s">
        <v>11</v>
      </c>
      <c r="F121" s="11" t="s">
        <v>7</v>
      </c>
      <c r="G121" s="11" t="s">
        <v>7</v>
      </c>
      <c r="H121" s="11" t="s">
        <v>7</v>
      </c>
      <c r="I121" s="11" t="s">
        <v>16</v>
      </c>
    </row>
    <row r="122" spans="1:11" ht="21" x14ac:dyDescent="0.25">
      <c r="A122" s="11" t="s">
        <v>7</v>
      </c>
      <c r="B122" s="11" t="s">
        <v>7</v>
      </c>
      <c r="C122" s="11" t="s">
        <v>7</v>
      </c>
      <c r="D122" s="11" t="s">
        <v>7</v>
      </c>
      <c r="E122" s="1" t="s">
        <v>12</v>
      </c>
      <c r="F122" s="1" t="s">
        <v>13</v>
      </c>
      <c r="G122" s="1" t="s">
        <v>14</v>
      </c>
      <c r="H122" s="1" t="s">
        <v>15</v>
      </c>
      <c r="I122" s="11" t="s">
        <v>7</v>
      </c>
    </row>
    <row r="123" spans="1:11" x14ac:dyDescent="0.25">
      <c r="A123" s="5" t="s">
        <v>460</v>
      </c>
      <c r="B123" s="7" t="s">
        <v>461</v>
      </c>
      <c r="C123" s="3" t="s">
        <v>277</v>
      </c>
      <c r="D123" s="3" t="s">
        <v>278</v>
      </c>
      <c r="E123" s="3" t="s">
        <v>279</v>
      </c>
      <c r="F123" s="3" t="s">
        <v>280</v>
      </c>
      <c r="G123" s="3" t="s">
        <v>279</v>
      </c>
      <c r="H123" s="3" t="s">
        <v>280</v>
      </c>
      <c r="I123" s="3" t="s">
        <v>281</v>
      </c>
    </row>
    <row r="124" spans="1:11" x14ac:dyDescent="0.25">
      <c r="A124" s="5" t="s">
        <v>462</v>
      </c>
      <c r="B124" s="7" t="s">
        <v>463</v>
      </c>
      <c r="C124" s="3" t="s">
        <v>277</v>
      </c>
      <c r="D124" s="3" t="s">
        <v>278</v>
      </c>
      <c r="E124" s="3" t="s">
        <v>279</v>
      </c>
      <c r="F124" s="3" t="s">
        <v>280</v>
      </c>
      <c r="G124" s="3" t="s">
        <v>279</v>
      </c>
      <c r="H124" s="3" t="s">
        <v>280</v>
      </c>
      <c r="I124" s="3" t="s">
        <v>281</v>
      </c>
    </row>
    <row r="125" spans="1:11" x14ac:dyDescent="0.25">
      <c r="A125" s="5" t="s">
        <v>464</v>
      </c>
      <c r="B125" s="7" t="s">
        <v>465</v>
      </c>
      <c r="C125" s="3" t="s">
        <v>51</v>
      </c>
      <c r="D125" s="3" t="s">
        <v>51</v>
      </c>
      <c r="E125" s="3" t="s">
        <v>51</v>
      </c>
      <c r="F125" s="3" t="s">
        <v>51</v>
      </c>
      <c r="G125" s="3" t="s">
        <v>51</v>
      </c>
      <c r="H125" s="3" t="s">
        <v>51</v>
      </c>
      <c r="I125" s="3" t="s">
        <v>51</v>
      </c>
    </row>
    <row r="126" spans="1:11" x14ac:dyDescent="0.25">
      <c r="A126" s="4" t="s">
        <v>466</v>
      </c>
      <c r="B126" s="6" t="s">
        <v>467</v>
      </c>
      <c r="C126" s="2" t="s">
        <v>51</v>
      </c>
      <c r="D126" s="2" t="s">
        <v>51</v>
      </c>
      <c r="E126" s="2" t="s">
        <v>51</v>
      </c>
      <c r="F126" s="2" t="s">
        <v>51</v>
      </c>
      <c r="G126" s="2" t="s">
        <v>51</v>
      </c>
      <c r="H126" s="2" t="s">
        <v>51</v>
      </c>
      <c r="I126" s="2" t="s">
        <v>51</v>
      </c>
    </row>
    <row r="127" spans="1:11" x14ac:dyDescent="0.25">
      <c r="A127" s="4" t="s">
        <v>468</v>
      </c>
      <c r="B127" s="6" t="s">
        <v>469</v>
      </c>
      <c r="C127" s="2" t="s">
        <v>51</v>
      </c>
      <c r="D127" s="2" t="s">
        <v>51</v>
      </c>
      <c r="E127" s="2" t="s">
        <v>51</v>
      </c>
      <c r="F127" s="2" t="s">
        <v>51</v>
      </c>
      <c r="G127" s="2" t="s">
        <v>51</v>
      </c>
      <c r="H127" s="2" t="s">
        <v>51</v>
      </c>
      <c r="I127" s="2" t="s">
        <v>51</v>
      </c>
    </row>
    <row r="128" spans="1:11" x14ac:dyDescent="0.25">
      <c r="A128" s="4" t="s">
        <v>470</v>
      </c>
      <c r="B128" s="6" t="s">
        <v>471</v>
      </c>
      <c r="C128" s="2" t="s">
        <v>51</v>
      </c>
      <c r="D128" s="2" t="s">
        <v>51</v>
      </c>
      <c r="E128" s="2" t="s">
        <v>51</v>
      </c>
      <c r="F128" s="2" t="s">
        <v>51</v>
      </c>
      <c r="G128" s="2" t="s">
        <v>51</v>
      </c>
      <c r="H128" s="2" t="s">
        <v>51</v>
      </c>
      <c r="I128" s="2" t="s">
        <v>51</v>
      </c>
    </row>
    <row r="129" spans="1:9" x14ac:dyDescent="0.25">
      <c r="A129" s="5" t="s">
        <v>472</v>
      </c>
      <c r="B129" s="7" t="s">
        <v>473</v>
      </c>
      <c r="C129" s="3" t="s">
        <v>474</v>
      </c>
      <c r="D129" s="3" t="s">
        <v>475</v>
      </c>
      <c r="E129" s="3" t="s">
        <v>476</v>
      </c>
      <c r="F129" s="3" t="s">
        <v>477</v>
      </c>
      <c r="G129" s="3" t="s">
        <v>476</v>
      </c>
      <c r="H129" s="3" t="s">
        <v>477</v>
      </c>
      <c r="I129" s="3" t="s">
        <v>478</v>
      </c>
    </row>
    <row r="130" spans="1:9" x14ac:dyDescent="0.25">
      <c r="A130" s="4" t="s">
        <v>479</v>
      </c>
      <c r="B130" s="6" t="s">
        <v>480</v>
      </c>
      <c r="C130" s="2" t="s">
        <v>474</v>
      </c>
      <c r="D130" s="2" t="s">
        <v>475</v>
      </c>
      <c r="E130" s="2" t="s">
        <v>476</v>
      </c>
      <c r="F130" s="2" t="s">
        <v>477</v>
      </c>
      <c r="G130" s="2" t="s">
        <v>476</v>
      </c>
      <c r="H130" s="2" t="s">
        <v>477</v>
      </c>
      <c r="I130" s="2" t="s">
        <v>478</v>
      </c>
    </row>
    <row r="131" spans="1:9" x14ac:dyDescent="0.25">
      <c r="A131" s="4" t="s">
        <v>481</v>
      </c>
      <c r="B131" s="6" t="s">
        <v>482</v>
      </c>
      <c r="C131" s="2" t="s">
        <v>51</v>
      </c>
      <c r="D131" s="2" t="s">
        <v>51</v>
      </c>
      <c r="E131" s="2" t="s">
        <v>51</v>
      </c>
      <c r="F131" s="2" t="s">
        <v>51</v>
      </c>
      <c r="G131" s="2" t="s">
        <v>51</v>
      </c>
      <c r="H131" s="2" t="s">
        <v>51</v>
      </c>
      <c r="I131" s="2" t="s">
        <v>51</v>
      </c>
    </row>
    <row r="132" spans="1:9" x14ac:dyDescent="0.25">
      <c r="A132" s="4" t="s">
        <v>483</v>
      </c>
      <c r="B132" s="6" t="s">
        <v>484</v>
      </c>
      <c r="C132" s="2" t="s">
        <v>51</v>
      </c>
      <c r="D132" s="2" t="s">
        <v>51</v>
      </c>
      <c r="E132" s="2" t="s">
        <v>51</v>
      </c>
      <c r="F132" s="2" t="s">
        <v>51</v>
      </c>
      <c r="G132" s="2" t="s">
        <v>51</v>
      </c>
      <c r="H132" s="2" t="s">
        <v>51</v>
      </c>
      <c r="I132" s="2" t="s">
        <v>51</v>
      </c>
    </row>
    <row r="133" spans="1:9" x14ac:dyDescent="0.25">
      <c r="A133" s="4" t="s">
        <v>485</v>
      </c>
      <c r="B133" s="6" t="s">
        <v>486</v>
      </c>
      <c r="C133" s="2" t="s">
        <v>51</v>
      </c>
      <c r="D133" s="2" t="s">
        <v>51</v>
      </c>
      <c r="E133" s="2" t="s">
        <v>51</v>
      </c>
      <c r="F133" s="2" t="s">
        <v>51</v>
      </c>
      <c r="G133" s="2" t="s">
        <v>51</v>
      </c>
      <c r="H133" s="2" t="s">
        <v>51</v>
      </c>
      <c r="I133" s="2" t="s">
        <v>51</v>
      </c>
    </row>
    <row r="134" spans="1:9" x14ac:dyDescent="0.25">
      <c r="A134" s="5" t="s">
        <v>487</v>
      </c>
      <c r="B134" s="7" t="s">
        <v>488</v>
      </c>
      <c r="C134" s="3" t="s">
        <v>489</v>
      </c>
      <c r="D134" s="3" t="s">
        <v>489</v>
      </c>
      <c r="E134" s="3" t="s">
        <v>490</v>
      </c>
      <c r="F134" s="3" t="s">
        <v>491</v>
      </c>
      <c r="G134" s="3" t="s">
        <v>490</v>
      </c>
      <c r="H134" s="3" t="s">
        <v>491</v>
      </c>
      <c r="I134" s="3" t="s">
        <v>492</v>
      </c>
    </row>
    <row r="135" spans="1:9" x14ac:dyDescent="0.25">
      <c r="A135" s="4" t="s">
        <v>493</v>
      </c>
      <c r="B135" s="6" t="s">
        <v>494</v>
      </c>
      <c r="C135" s="2" t="s">
        <v>51</v>
      </c>
      <c r="D135" s="2" t="s">
        <v>51</v>
      </c>
      <c r="E135" s="2" t="s">
        <v>51</v>
      </c>
      <c r="F135" s="2" t="s">
        <v>51</v>
      </c>
      <c r="G135" s="2" t="s">
        <v>51</v>
      </c>
      <c r="H135" s="2" t="s">
        <v>51</v>
      </c>
      <c r="I135" s="2" t="s">
        <v>51</v>
      </c>
    </row>
    <row r="136" spans="1:9" x14ac:dyDescent="0.25">
      <c r="A136" s="4" t="s">
        <v>495</v>
      </c>
      <c r="B136" s="6" t="s">
        <v>496</v>
      </c>
      <c r="C136" s="2" t="s">
        <v>51</v>
      </c>
      <c r="D136" s="2" t="s">
        <v>51</v>
      </c>
      <c r="E136" s="2" t="s">
        <v>51</v>
      </c>
      <c r="F136" s="2" t="s">
        <v>51</v>
      </c>
      <c r="G136" s="2" t="s">
        <v>51</v>
      </c>
      <c r="H136" s="2" t="s">
        <v>51</v>
      </c>
      <c r="I136" s="2" t="s">
        <v>51</v>
      </c>
    </row>
    <row r="137" spans="1:9" x14ac:dyDescent="0.25">
      <c r="A137" s="4" t="s">
        <v>497</v>
      </c>
      <c r="B137" s="6" t="s">
        <v>498</v>
      </c>
      <c r="C137" s="2" t="s">
        <v>51</v>
      </c>
      <c r="D137" s="2" t="s">
        <v>51</v>
      </c>
      <c r="E137" s="2" t="s">
        <v>51</v>
      </c>
      <c r="F137" s="2" t="s">
        <v>51</v>
      </c>
      <c r="G137" s="2" t="s">
        <v>51</v>
      </c>
      <c r="H137" s="2" t="s">
        <v>51</v>
      </c>
      <c r="I137" s="2" t="s">
        <v>51</v>
      </c>
    </row>
    <row r="138" spans="1:9" x14ac:dyDescent="0.25">
      <c r="A138" s="4" t="s">
        <v>499</v>
      </c>
      <c r="B138" s="6" t="s">
        <v>500</v>
      </c>
      <c r="C138" s="2" t="s">
        <v>51</v>
      </c>
      <c r="D138" s="2" t="s">
        <v>51</v>
      </c>
      <c r="E138" s="2" t="s">
        <v>51</v>
      </c>
      <c r="F138" s="2" t="s">
        <v>51</v>
      </c>
      <c r="G138" s="2" t="s">
        <v>51</v>
      </c>
      <c r="H138" s="2" t="s">
        <v>51</v>
      </c>
      <c r="I138" s="2" t="s">
        <v>51</v>
      </c>
    </row>
    <row r="139" spans="1:9" x14ac:dyDescent="0.25">
      <c r="A139" s="4" t="s">
        <v>501</v>
      </c>
      <c r="B139" s="6" t="s">
        <v>502</v>
      </c>
      <c r="C139" s="2" t="s">
        <v>51</v>
      </c>
      <c r="D139" s="2" t="s">
        <v>51</v>
      </c>
      <c r="E139" s="2" t="s">
        <v>51</v>
      </c>
      <c r="F139" s="2" t="s">
        <v>51</v>
      </c>
      <c r="G139" s="2" t="s">
        <v>51</v>
      </c>
      <c r="H139" s="2" t="s">
        <v>51</v>
      </c>
      <c r="I139" s="2" t="s">
        <v>51</v>
      </c>
    </row>
    <row r="140" spans="1:9" x14ac:dyDescent="0.25">
      <c r="A140" s="4" t="s">
        <v>503</v>
      </c>
      <c r="B140" s="6" t="s">
        <v>504</v>
      </c>
      <c r="C140" s="2" t="s">
        <v>489</v>
      </c>
      <c r="D140" s="2" t="s">
        <v>489</v>
      </c>
      <c r="E140" s="2" t="s">
        <v>490</v>
      </c>
      <c r="F140" s="2" t="s">
        <v>491</v>
      </c>
      <c r="G140" s="2" t="s">
        <v>490</v>
      </c>
      <c r="H140" s="2" t="s">
        <v>491</v>
      </c>
      <c r="I140" s="2" t="s">
        <v>492</v>
      </c>
    </row>
    <row r="141" spans="1:9" x14ac:dyDescent="0.25">
      <c r="A141" s="4" t="s">
        <v>505</v>
      </c>
      <c r="B141" s="6" t="s">
        <v>506</v>
      </c>
      <c r="C141" s="2" t="s">
        <v>51</v>
      </c>
      <c r="D141" s="2" t="s">
        <v>51</v>
      </c>
      <c r="E141" s="2" t="s">
        <v>51</v>
      </c>
      <c r="F141" s="2" t="s">
        <v>51</v>
      </c>
      <c r="G141" s="2" t="s">
        <v>51</v>
      </c>
      <c r="H141" s="2" t="s">
        <v>51</v>
      </c>
      <c r="I141" s="2" t="s">
        <v>51</v>
      </c>
    </row>
    <row r="142" spans="1:9" x14ac:dyDescent="0.25">
      <c r="A142" s="4" t="s">
        <v>507</v>
      </c>
      <c r="B142" s="6" t="s">
        <v>508</v>
      </c>
      <c r="C142" s="2" t="s">
        <v>51</v>
      </c>
      <c r="D142" s="2" t="s">
        <v>51</v>
      </c>
      <c r="E142" s="2" t="s">
        <v>51</v>
      </c>
      <c r="F142" s="2" t="s">
        <v>51</v>
      </c>
      <c r="G142" s="2" t="s">
        <v>51</v>
      </c>
      <c r="H142" s="2" t="s">
        <v>51</v>
      </c>
      <c r="I142" s="2" t="s">
        <v>51</v>
      </c>
    </row>
    <row r="143" spans="1:9" x14ac:dyDescent="0.25">
      <c r="A143" s="4" t="s">
        <v>509</v>
      </c>
      <c r="B143" s="6" t="s">
        <v>510</v>
      </c>
      <c r="C143" s="2" t="s">
        <v>51</v>
      </c>
      <c r="D143" s="2" t="s">
        <v>51</v>
      </c>
      <c r="E143" s="2" t="s">
        <v>51</v>
      </c>
      <c r="F143" s="2" t="s">
        <v>51</v>
      </c>
      <c r="G143" s="2" t="s">
        <v>51</v>
      </c>
      <c r="H143" s="2" t="s">
        <v>51</v>
      </c>
      <c r="I143" s="2" t="s">
        <v>51</v>
      </c>
    </row>
    <row r="144" spans="1:9" x14ac:dyDescent="0.25">
      <c r="A144" s="5" t="s">
        <v>511</v>
      </c>
      <c r="B144" s="7" t="s">
        <v>512</v>
      </c>
      <c r="C144" s="3" t="s">
        <v>51</v>
      </c>
      <c r="D144" s="3" t="s">
        <v>51</v>
      </c>
      <c r="E144" s="3" t="s">
        <v>51</v>
      </c>
      <c r="F144" s="3" t="s">
        <v>51</v>
      </c>
      <c r="G144" s="3" t="s">
        <v>51</v>
      </c>
      <c r="H144" s="3" t="s">
        <v>51</v>
      </c>
      <c r="I144" s="3" t="s">
        <v>51</v>
      </c>
    </row>
    <row r="145" spans="1:9" x14ac:dyDescent="0.25">
      <c r="A145" s="4" t="s">
        <v>513</v>
      </c>
      <c r="B145" s="6" t="s">
        <v>514</v>
      </c>
      <c r="C145" s="2" t="s">
        <v>51</v>
      </c>
      <c r="D145" s="2" t="s">
        <v>51</v>
      </c>
      <c r="E145" s="2" t="s">
        <v>51</v>
      </c>
      <c r="F145" s="2" t="s">
        <v>51</v>
      </c>
      <c r="G145" s="2" t="s">
        <v>51</v>
      </c>
      <c r="H145" s="2" t="s">
        <v>51</v>
      </c>
      <c r="I145" s="2" t="s">
        <v>51</v>
      </c>
    </row>
    <row r="146" spans="1:9" x14ac:dyDescent="0.25">
      <c r="A146" s="4" t="s">
        <v>515</v>
      </c>
      <c r="B146" s="6" t="s">
        <v>516</v>
      </c>
      <c r="C146" s="2" t="s">
        <v>51</v>
      </c>
      <c r="D146" s="2" t="s">
        <v>51</v>
      </c>
      <c r="E146" s="2" t="s">
        <v>51</v>
      </c>
      <c r="F146" s="2" t="s">
        <v>51</v>
      </c>
      <c r="G146" s="2" t="s">
        <v>51</v>
      </c>
      <c r="H146" s="2" t="s">
        <v>51</v>
      </c>
      <c r="I146" s="2" t="s">
        <v>51</v>
      </c>
    </row>
    <row r="147" spans="1:9" x14ac:dyDescent="0.25">
      <c r="A147" s="4" t="s">
        <v>517</v>
      </c>
      <c r="B147" s="6" t="s">
        <v>518</v>
      </c>
      <c r="C147" s="2" t="s">
        <v>51</v>
      </c>
      <c r="D147" s="2" t="s">
        <v>51</v>
      </c>
      <c r="E147" s="2" t="s">
        <v>51</v>
      </c>
      <c r="F147" s="2" t="s">
        <v>51</v>
      </c>
      <c r="G147" s="2" t="s">
        <v>51</v>
      </c>
      <c r="H147" s="2" t="s">
        <v>51</v>
      </c>
      <c r="I147" s="2" t="s">
        <v>51</v>
      </c>
    </row>
    <row r="148" spans="1:9" x14ac:dyDescent="0.25">
      <c r="A148" s="4" t="s">
        <v>519</v>
      </c>
      <c r="B148" s="6" t="s">
        <v>520</v>
      </c>
      <c r="C148" s="2" t="s">
        <v>51</v>
      </c>
      <c r="D148" s="2" t="s">
        <v>51</v>
      </c>
      <c r="E148" s="2" t="s">
        <v>51</v>
      </c>
      <c r="F148" s="2" t="s">
        <v>51</v>
      </c>
      <c r="G148" s="2" t="s">
        <v>51</v>
      </c>
      <c r="H148" s="2" t="s">
        <v>51</v>
      </c>
      <c r="I148" s="2" t="s">
        <v>51</v>
      </c>
    </row>
    <row r="149" spans="1:9" x14ac:dyDescent="0.25">
      <c r="A149" s="4" t="s">
        <v>521</v>
      </c>
      <c r="B149" s="6" t="s">
        <v>522</v>
      </c>
      <c r="C149" s="2" t="s">
        <v>51</v>
      </c>
      <c r="D149" s="2" t="s">
        <v>51</v>
      </c>
      <c r="E149" s="2" t="s">
        <v>51</v>
      </c>
      <c r="F149" s="2" t="s">
        <v>51</v>
      </c>
      <c r="G149" s="2" t="s">
        <v>51</v>
      </c>
      <c r="H149" s="2" t="s">
        <v>51</v>
      </c>
      <c r="I149" s="2" t="s">
        <v>51</v>
      </c>
    </row>
    <row r="150" spans="1:9" x14ac:dyDescent="0.25">
      <c r="A150" s="5" t="s">
        <v>523</v>
      </c>
      <c r="B150" s="7" t="s">
        <v>524</v>
      </c>
      <c r="C150" s="3" t="s">
        <v>51</v>
      </c>
      <c r="D150" s="3" t="s">
        <v>51</v>
      </c>
      <c r="E150" s="3" t="s">
        <v>51</v>
      </c>
      <c r="F150" s="3" t="s">
        <v>51</v>
      </c>
      <c r="G150" s="3" t="s">
        <v>51</v>
      </c>
      <c r="H150" s="3" t="s">
        <v>51</v>
      </c>
      <c r="I150" s="3" t="s">
        <v>51</v>
      </c>
    </row>
    <row r="151" spans="1:9" x14ac:dyDescent="0.25">
      <c r="A151" s="4" t="s">
        <v>525</v>
      </c>
      <c r="B151" s="6" t="s">
        <v>526</v>
      </c>
      <c r="C151" s="2" t="s">
        <v>51</v>
      </c>
      <c r="D151" s="2" t="s">
        <v>51</v>
      </c>
      <c r="E151" s="2" t="s">
        <v>51</v>
      </c>
      <c r="F151" s="2" t="s">
        <v>51</v>
      </c>
      <c r="G151" s="2" t="s">
        <v>51</v>
      </c>
      <c r="H151" s="2" t="s">
        <v>51</v>
      </c>
      <c r="I151" s="2" t="s">
        <v>51</v>
      </c>
    </row>
    <row r="152" spans="1:9" x14ac:dyDescent="0.25">
      <c r="A152" s="4" t="s">
        <v>527</v>
      </c>
      <c r="B152" s="6" t="s">
        <v>528</v>
      </c>
      <c r="C152" s="2" t="s">
        <v>51</v>
      </c>
      <c r="D152" s="2" t="s">
        <v>51</v>
      </c>
      <c r="E152" s="2" t="s">
        <v>51</v>
      </c>
      <c r="F152" s="2" t="s">
        <v>51</v>
      </c>
      <c r="G152" s="2" t="s">
        <v>51</v>
      </c>
      <c r="H152" s="2" t="s">
        <v>51</v>
      </c>
      <c r="I152" s="2" t="s">
        <v>51</v>
      </c>
    </row>
    <row r="153" spans="1:9" x14ac:dyDescent="0.25">
      <c r="A153" s="4" t="s">
        <v>529</v>
      </c>
      <c r="B153" s="6" t="s">
        <v>530</v>
      </c>
      <c r="C153" s="2" t="s">
        <v>51</v>
      </c>
      <c r="D153" s="2" t="s">
        <v>51</v>
      </c>
      <c r="E153" s="2" t="s">
        <v>51</v>
      </c>
      <c r="F153" s="2" t="s">
        <v>51</v>
      </c>
      <c r="G153" s="2" t="s">
        <v>51</v>
      </c>
      <c r="H153" s="2" t="s">
        <v>51</v>
      </c>
      <c r="I153" s="2" t="s">
        <v>51</v>
      </c>
    </row>
    <row r="154" spans="1:9" x14ac:dyDescent="0.25">
      <c r="A154" s="4" t="s">
        <v>531</v>
      </c>
      <c r="B154" s="6" t="s">
        <v>532</v>
      </c>
      <c r="C154" s="2" t="s">
        <v>51</v>
      </c>
      <c r="D154" s="2" t="s">
        <v>51</v>
      </c>
      <c r="E154" s="2" t="s">
        <v>51</v>
      </c>
      <c r="F154" s="2" t="s">
        <v>51</v>
      </c>
      <c r="G154" s="2" t="s">
        <v>51</v>
      </c>
      <c r="H154" s="2" t="s">
        <v>51</v>
      </c>
      <c r="I154" s="2" t="s">
        <v>51</v>
      </c>
    </row>
    <row r="155" spans="1:9" x14ac:dyDescent="0.25">
      <c r="A155" s="4" t="s">
        <v>533</v>
      </c>
      <c r="B155" s="6" t="s">
        <v>534</v>
      </c>
      <c r="C155" s="2" t="s">
        <v>51</v>
      </c>
      <c r="D155" s="2" t="s">
        <v>51</v>
      </c>
      <c r="E155" s="2" t="s">
        <v>51</v>
      </c>
      <c r="F155" s="2" t="s">
        <v>51</v>
      </c>
      <c r="G155" s="2" t="s">
        <v>51</v>
      </c>
      <c r="H155" s="2" t="s">
        <v>51</v>
      </c>
      <c r="I155" s="2" t="s">
        <v>51</v>
      </c>
    </row>
    <row r="156" spans="1:9" x14ac:dyDescent="0.25">
      <c r="A156" s="4" t="s">
        <v>535</v>
      </c>
      <c r="B156" s="6" t="s">
        <v>536</v>
      </c>
      <c r="C156" s="2" t="s">
        <v>51</v>
      </c>
      <c r="D156" s="2" t="s">
        <v>51</v>
      </c>
      <c r="E156" s="2" t="s">
        <v>51</v>
      </c>
      <c r="F156" s="2" t="s">
        <v>51</v>
      </c>
      <c r="G156" s="2" t="s">
        <v>51</v>
      </c>
      <c r="H156" s="2" t="s">
        <v>51</v>
      </c>
      <c r="I156" s="2" t="s">
        <v>51</v>
      </c>
    </row>
    <row r="157" spans="1:9" x14ac:dyDescent="0.25">
      <c r="A157" s="4" t="s">
        <v>537</v>
      </c>
      <c r="B157" s="6" t="s">
        <v>538</v>
      </c>
      <c r="C157" s="2" t="s">
        <v>51</v>
      </c>
      <c r="D157" s="2" t="s">
        <v>51</v>
      </c>
      <c r="E157" s="2" t="s">
        <v>51</v>
      </c>
      <c r="F157" s="2" t="s">
        <v>51</v>
      </c>
      <c r="G157" s="2" t="s">
        <v>51</v>
      </c>
      <c r="H157" s="2" t="s">
        <v>51</v>
      </c>
      <c r="I157" s="2" t="s">
        <v>51</v>
      </c>
    </row>
    <row r="158" spans="1:9" x14ac:dyDescent="0.25">
      <c r="A158" s="4" t="s">
        <v>539</v>
      </c>
      <c r="B158" s="6" t="s">
        <v>540</v>
      </c>
      <c r="C158" s="2" t="s">
        <v>51</v>
      </c>
      <c r="D158" s="2" t="s">
        <v>51</v>
      </c>
      <c r="E158" s="2" t="s">
        <v>51</v>
      </c>
      <c r="F158" s="2" t="s">
        <v>51</v>
      </c>
      <c r="G158" s="2" t="s">
        <v>51</v>
      </c>
      <c r="H158" s="2" t="s">
        <v>51</v>
      </c>
      <c r="I158" s="2" t="s">
        <v>51</v>
      </c>
    </row>
    <row r="159" spans="1:9" x14ac:dyDescent="0.25">
      <c r="A159" s="5" t="s">
        <v>541</v>
      </c>
      <c r="B159" s="7" t="s">
        <v>542</v>
      </c>
      <c r="C159" s="3" t="s">
        <v>543</v>
      </c>
      <c r="D159" s="3" t="s">
        <v>544</v>
      </c>
      <c r="E159" s="3" t="s">
        <v>545</v>
      </c>
      <c r="F159" s="3" t="s">
        <v>546</v>
      </c>
      <c r="G159" s="3" t="s">
        <v>545</v>
      </c>
      <c r="H159" s="3" t="s">
        <v>546</v>
      </c>
      <c r="I159" s="3" t="s">
        <v>547</v>
      </c>
    </row>
    <row r="160" spans="1:9" x14ac:dyDescent="0.25">
      <c r="A160" s="4" t="s">
        <v>548</v>
      </c>
      <c r="B160" s="6" t="s">
        <v>549</v>
      </c>
      <c r="C160" s="2" t="s">
        <v>51</v>
      </c>
      <c r="D160" s="2" t="s">
        <v>51</v>
      </c>
      <c r="E160" s="2" t="s">
        <v>51</v>
      </c>
      <c r="F160" s="2" t="s">
        <v>51</v>
      </c>
      <c r="G160" s="2" t="s">
        <v>51</v>
      </c>
      <c r="H160" s="2" t="s">
        <v>51</v>
      </c>
      <c r="I160" s="2" t="s">
        <v>51</v>
      </c>
    </row>
    <row r="161" spans="1:9" x14ac:dyDescent="0.25">
      <c r="A161" s="4" t="s">
        <v>550</v>
      </c>
      <c r="B161" s="6" t="s">
        <v>551</v>
      </c>
      <c r="C161" s="2" t="s">
        <v>51</v>
      </c>
      <c r="D161" s="2" t="s">
        <v>51</v>
      </c>
      <c r="E161" s="2" t="s">
        <v>51</v>
      </c>
      <c r="F161" s="2" t="s">
        <v>51</v>
      </c>
      <c r="G161" s="2" t="s">
        <v>51</v>
      </c>
      <c r="H161" s="2" t="s">
        <v>51</v>
      </c>
      <c r="I161" s="2" t="s">
        <v>51</v>
      </c>
    </row>
    <row r="162" spans="1:9" x14ac:dyDescent="0.25">
      <c r="A162" s="4" t="s">
        <v>552</v>
      </c>
      <c r="B162" s="6" t="s">
        <v>553</v>
      </c>
      <c r="C162" s="2" t="s">
        <v>51</v>
      </c>
      <c r="D162" s="2" t="s">
        <v>51</v>
      </c>
      <c r="E162" s="2" t="s">
        <v>51</v>
      </c>
      <c r="F162" s="2" t="s">
        <v>51</v>
      </c>
      <c r="G162" s="2" t="s">
        <v>51</v>
      </c>
      <c r="H162" s="2" t="s">
        <v>51</v>
      </c>
      <c r="I162" s="2" t="s">
        <v>51</v>
      </c>
    </row>
    <row r="163" spans="1:9" x14ac:dyDescent="0.25">
      <c r="A163" s="4" t="s">
        <v>554</v>
      </c>
      <c r="B163" s="6" t="s">
        <v>555</v>
      </c>
      <c r="C163" s="2" t="s">
        <v>543</v>
      </c>
      <c r="D163" s="2" t="s">
        <v>544</v>
      </c>
      <c r="E163" s="2" t="s">
        <v>545</v>
      </c>
      <c r="F163" s="2" t="s">
        <v>546</v>
      </c>
      <c r="G163" s="2" t="s">
        <v>545</v>
      </c>
      <c r="H163" s="2" t="s">
        <v>546</v>
      </c>
      <c r="I163" s="2" t="s">
        <v>547</v>
      </c>
    </row>
    <row r="164" spans="1:9" x14ac:dyDescent="0.25">
      <c r="A164" s="5" t="s">
        <v>556</v>
      </c>
      <c r="B164" s="7" t="s">
        <v>557</v>
      </c>
      <c r="C164" s="3" t="s">
        <v>51</v>
      </c>
      <c r="D164" s="3" t="s">
        <v>51</v>
      </c>
      <c r="E164" s="3" t="s">
        <v>51</v>
      </c>
      <c r="F164" s="3" t="s">
        <v>51</v>
      </c>
      <c r="G164" s="3" t="s">
        <v>51</v>
      </c>
      <c r="H164" s="3" t="s">
        <v>51</v>
      </c>
      <c r="I164" s="3" t="s">
        <v>51</v>
      </c>
    </row>
    <row r="165" spans="1:9" x14ac:dyDescent="0.25">
      <c r="A165" s="5" t="s">
        <v>558</v>
      </c>
      <c r="B165" s="7" t="s">
        <v>559</v>
      </c>
      <c r="C165" s="3" t="s">
        <v>51</v>
      </c>
      <c r="D165" s="3" t="s">
        <v>51</v>
      </c>
      <c r="E165" s="3" t="s">
        <v>51</v>
      </c>
      <c r="F165" s="3" t="s">
        <v>51</v>
      </c>
      <c r="G165" s="3" t="s">
        <v>51</v>
      </c>
      <c r="H165" s="3" t="s">
        <v>51</v>
      </c>
      <c r="I165" s="3" t="s">
        <v>51</v>
      </c>
    </row>
    <row r="166" spans="1:9" x14ac:dyDescent="0.25">
      <c r="A166" s="4" t="s">
        <v>560</v>
      </c>
      <c r="B166" s="6" t="s">
        <v>561</v>
      </c>
      <c r="C166" s="2" t="s">
        <v>51</v>
      </c>
      <c r="D166" s="2" t="s">
        <v>51</v>
      </c>
      <c r="E166" s="2" t="s">
        <v>51</v>
      </c>
      <c r="F166" s="2" t="s">
        <v>51</v>
      </c>
      <c r="G166" s="2" t="s">
        <v>51</v>
      </c>
      <c r="H166" s="2" t="s">
        <v>51</v>
      </c>
      <c r="I166" s="2" t="s">
        <v>51</v>
      </c>
    </row>
    <row r="167" spans="1:9" x14ac:dyDescent="0.25">
      <c r="A167" s="4" t="s">
        <v>562</v>
      </c>
      <c r="B167" s="6" t="s">
        <v>563</v>
      </c>
      <c r="C167" s="2" t="s">
        <v>51</v>
      </c>
      <c r="D167" s="2" t="s">
        <v>51</v>
      </c>
      <c r="E167" s="2" t="s">
        <v>51</v>
      </c>
      <c r="F167" s="2" t="s">
        <v>51</v>
      </c>
      <c r="G167" s="2" t="s">
        <v>51</v>
      </c>
      <c r="H167" s="2" t="s">
        <v>51</v>
      </c>
      <c r="I167" s="2" t="s">
        <v>51</v>
      </c>
    </row>
    <row r="168" spans="1:9" x14ac:dyDescent="0.25">
      <c r="A168" s="5" t="s">
        <v>564</v>
      </c>
      <c r="B168" s="7" t="s">
        <v>565</v>
      </c>
      <c r="C168" s="3" t="s">
        <v>51</v>
      </c>
      <c r="D168" s="3" t="s">
        <v>51</v>
      </c>
      <c r="E168" s="3" t="s">
        <v>51</v>
      </c>
      <c r="F168" s="3" t="s">
        <v>51</v>
      </c>
      <c r="G168" s="3" t="s">
        <v>51</v>
      </c>
      <c r="H168" s="3" t="s">
        <v>51</v>
      </c>
      <c r="I168" s="3" t="s">
        <v>51</v>
      </c>
    </row>
    <row r="169" spans="1:9" x14ac:dyDescent="0.25">
      <c r="A169" s="4" t="s">
        <v>566</v>
      </c>
      <c r="B169" s="6" t="s">
        <v>567</v>
      </c>
      <c r="C169" s="2" t="s">
        <v>51</v>
      </c>
      <c r="D169" s="2" t="s">
        <v>51</v>
      </c>
      <c r="E169" s="2" t="s">
        <v>51</v>
      </c>
      <c r="F169" s="2" t="s">
        <v>51</v>
      </c>
      <c r="G169" s="2" t="s">
        <v>51</v>
      </c>
      <c r="H169" s="2" t="s">
        <v>51</v>
      </c>
      <c r="I169" s="2" t="s">
        <v>51</v>
      </c>
    </row>
    <row r="170" spans="1:9" x14ac:dyDescent="0.25">
      <c r="A170" s="4" t="s">
        <v>568</v>
      </c>
      <c r="B170" s="6" t="s">
        <v>569</v>
      </c>
      <c r="C170" s="2" t="s">
        <v>51</v>
      </c>
      <c r="D170" s="2" t="s">
        <v>51</v>
      </c>
      <c r="E170" s="2" t="s">
        <v>51</v>
      </c>
      <c r="F170" s="2" t="s">
        <v>51</v>
      </c>
      <c r="G170" s="2" t="s">
        <v>51</v>
      </c>
      <c r="H170" s="2" t="s">
        <v>51</v>
      </c>
      <c r="I170" s="2" t="s">
        <v>51</v>
      </c>
    </row>
    <row r="171" spans="1:9" x14ac:dyDescent="0.25">
      <c r="A171" s="4" t="s">
        <v>570</v>
      </c>
      <c r="B171" s="6" t="s">
        <v>571</v>
      </c>
      <c r="C171" s="2" t="s">
        <v>51</v>
      </c>
      <c r="D171" s="2" t="s">
        <v>51</v>
      </c>
      <c r="E171" s="2" t="s">
        <v>51</v>
      </c>
      <c r="F171" s="2" t="s">
        <v>51</v>
      </c>
      <c r="G171" s="2" t="s">
        <v>51</v>
      </c>
      <c r="H171" s="2" t="s">
        <v>51</v>
      </c>
      <c r="I171" s="2" t="s">
        <v>51</v>
      </c>
    </row>
    <row r="172" spans="1:9" x14ac:dyDescent="0.25">
      <c r="A172" s="4" t="s">
        <v>572</v>
      </c>
      <c r="B172" s="6" t="s">
        <v>573</v>
      </c>
      <c r="C172" s="2" t="s">
        <v>51</v>
      </c>
      <c r="D172" s="2" t="s">
        <v>51</v>
      </c>
      <c r="E172" s="2" t="s">
        <v>51</v>
      </c>
      <c r="F172" s="2" t="s">
        <v>51</v>
      </c>
      <c r="G172" s="2" t="s">
        <v>51</v>
      </c>
      <c r="H172" s="2" t="s">
        <v>51</v>
      </c>
      <c r="I172" s="2" t="s">
        <v>51</v>
      </c>
    </row>
    <row r="173" spans="1:9" x14ac:dyDescent="0.25">
      <c r="A173" s="5" t="s">
        <v>574</v>
      </c>
      <c r="B173" s="7" t="s">
        <v>575</v>
      </c>
      <c r="C173" s="3" t="s">
        <v>51</v>
      </c>
      <c r="D173" s="3" t="s">
        <v>51</v>
      </c>
      <c r="E173" s="3" t="s">
        <v>51</v>
      </c>
      <c r="F173" s="3" t="s">
        <v>51</v>
      </c>
      <c r="G173" s="3" t="s">
        <v>51</v>
      </c>
      <c r="H173" s="3" t="s">
        <v>51</v>
      </c>
      <c r="I173" s="3" t="s">
        <v>51</v>
      </c>
    </row>
    <row r="174" spans="1:9" x14ac:dyDescent="0.25">
      <c r="A174" s="4" t="s">
        <v>576</v>
      </c>
      <c r="B174" s="6" t="s">
        <v>526</v>
      </c>
      <c r="C174" s="2" t="s">
        <v>51</v>
      </c>
      <c r="D174" s="2" t="s">
        <v>51</v>
      </c>
      <c r="E174" s="2" t="s">
        <v>51</v>
      </c>
      <c r="F174" s="2" t="s">
        <v>51</v>
      </c>
      <c r="G174" s="2" t="s">
        <v>51</v>
      </c>
      <c r="H174" s="2" t="s">
        <v>51</v>
      </c>
      <c r="I174" s="2" t="s">
        <v>51</v>
      </c>
    </row>
    <row r="175" spans="1:9" x14ac:dyDescent="0.25">
      <c r="A175" s="4" t="s">
        <v>577</v>
      </c>
      <c r="B175" s="6" t="s">
        <v>528</v>
      </c>
      <c r="C175" s="2" t="s">
        <v>51</v>
      </c>
      <c r="D175" s="2" t="s">
        <v>51</v>
      </c>
      <c r="E175" s="2" t="s">
        <v>51</v>
      </c>
      <c r="F175" s="2" t="s">
        <v>51</v>
      </c>
      <c r="G175" s="2" t="s">
        <v>51</v>
      </c>
      <c r="H175" s="2" t="s">
        <v>51</v>
      </c>
      <c r="I175" s="2" t="s">
        <v>51</v>
      </c>
    </row>
    <row r="176" spans="1:9" x14ac:dyDescent="0.25">
      <c r="A176" s="4" t="s">
        <v>578</v>
      </c>
      <c r="B176" s="6" t="s">
        <v>530</v>
      </c>
      <c r="C176" s="2" t="s">
        <v>51</v>
      </c>
      <c r="D176" s="2" t="s">
        <v>51</v>
      </c>
      <c r="E176" s="2" t="s">
        <v>51</v>
      </c>
      <c r="F176" s="2" t="s">
        <v>51</v>
      </c>
      <c r="G176" s="2" t="s">
        <v>51</v>
      </c>
      <c r="H176" s="2" t="s">
        <v>51</v>
      </c>
      <c r="I176" s="2" t="s">
        <v>51</v>
      </c>
    </row>
    <row r="177" spans="1:11" x14ac:dyDescent="0.25">
      <c r="A177" s="4" t="s">
        <v>579</v>
      </c>
      <c r="B177" s="6" t="s">
        <v>532</v>
      </c>
      <c r="C177" s="2" t="s">
        <v>51</v>
      </c>
      <c r="D177" s="2" t="s">
        <v>51</v>
      </c>
      <c r="E177" s="2" t="s">
        <v>51</v>
      </c>
      <c r="F177" s="2" t="s">
        <v>51</v>
      </c>
      <c r="G177" s="2" t="s">
        <v>51</v>
      </c>
      <c r="H177" s="2" t="s">
        <v>51</v>
      </c>
      <c r="I177" s="2" t="s">
        <v>51</v>
      </c>
    </row>
    <row r="178" spans="1:11" x14ac:dyDescent="0.25">
      <c r="A178" s="4" t="s">
        <v>580</v>
      </c>
      <c r="B178" s="6" t="s">
        <v>534</v>
      </c>
      <c r="C178" s="2" t="s">
        <v>51</v>
      </c>
      <c r="D178" s="2" t="s">
        <v>51</v>
      </c>
      <c r="E178" s="2" t="s">
        <v>51</v>
      </c>
      <c r="F178" s="2" t="s">
        <v>51</v>
      </c>
      <c r="G178" s="2" t="s">
        <v>51</v>
      </c>
      <c r="H178" s="2" t="s">
        <v>51</v>
      </c>
      <c r="I178" s="2" t="s">
        <v>51</v>
      </c>
    </row>
    <row r="179" spans="1:11" x14ac:dyDescent="0.25">
      <c r="A179" s="4" t="s">
        <v>581</v>
      </c>
      <c r="B179" s="6" t="s">
        <v>536</v>
      </c>
      <c r="C179" s="2" t="s">
        <v>51</v>
      </c>
      <c r="D179" s="2" t="s">
        <v>51</v>
      </c>
      <c r="E179" s="2" t="s">
        <v>51</v>
      </c>
      <c r="F179" s="2" t="s">
        <v>51</v>
      </c>
      <c r="G179" s="2" t="s">
        <v>51</v>
      </c>
      <c r="H179" s="2" t="s">
        <v>51</v>
      </c>
      <c r="I179" s="2" t="s">
        <v>51</v>
      </c>
    </row>
    <row r="180" spans="1:11" x14ac:dyDescent="0.25">
      <c r="A180" s="4" t="s">
        <v>582</v>
      </c>
      <c r="B180" s="6" t="s">
        <v>538</v>
      </c>
      <c r="C180" s="2" t="s">
        <v>51</v>
      </c>
      <c r="D180" s="2" t="s">
        <v>51</v>
      </c>
      <c r="E180" s="2" t="s">
        <v>51</v>
      </c>
      <c r="F180" s="2" t="s">
        <v>51</v>
      </c>
      <c r="G180" s="2" t="s">
        <v>51</v>
      </c>
      <c r="H180" s="2" t="s">
        <v>51</v>
      </c>
      <c r="I180" s="2" t="s">
        <v>51</v>
      </c>
    </row>
    <row r="181" spans="1:11" x14ac:dyDescent="0.25">
      <c r="A181" s="4" t="s">
        <v>583</v>
      </c>
      <c r="B181" s="6" t="s">
        <v>540</v>
      </c>
      <c r="C181" s="2" t="s">
        <v>51</v>
      </c>
      <c r="D181" s="2" t="s">
        <v>51</v>
      </c>
      <c r="E181" s="2" t="s">
        <v>51</v>
      </c>
      <c r="F181" s="2" t="s">
        <v>51</v>
      </c>
      <c r="G181" s="2" t="s">
        <v>51</v>
      </c>
      <c r="H181" s="2" t="s">
        <v>51</v>
      </c>
      <c r="I181" s="2" t="s">
        <v>51</v>
      </c>
    </row>
    <row r="182" spans="1:11" x14ac:dyDescent="0.25">
      <c r="A182" s="5" t="s">
        <v>584</v>
      </c>
      <c r="B182" s="7" t="s">
        <v>585</v>
      </c>
      <c r="C182" s="3" t="s">
        <v>51</v>
      </c>
      <c r="D182" s="3" t="s">
        <v>51</v>
      </c>
      <c r="E182" s="3" t="s">
        <v>51</v>
      </c>
      <c r="F182" s="3" t="s">
        <v>51</v>
      </c>
      <c r="G182" s="3" t="s">
        <v>51</v>
      </c>
      <c r="H182" s="3" t="s">
        <v>51</v>
      </c>
      <c r="I182" s="3" t="s">
        <v>51</v>
      </c>
    </row>
    <row r="183" spans="1:11" x14ac:dyDescent="0.25">
      <c r="A183" s="4" t="s">
        <v>586</v>
      </c>
      <c r="B183" s="6" t="s">
        <v>587</v>
      </c>
      <c r="C183" s="2" t="s">
        <v>51</v>
      </c>
      <c r="D183" s="2" t="s">
        <v>51</v>
      </c>
      <c r="E183" s="2" t="s">
        <v>51</v>
      </c>
      <c r="F183" s="2" t="s">
        <v>51</v>
      </c>
      <c r="G183" s="2" t="s">
        <v>51</v>
      </c>
      <c r="H183" s="2" t="s">
        <v>51</v>
      </c>
      <c r="I183" s="2" t="s">
        <v>51</v>
      </c>
    </row>
    <row r="184" spans="1:11" x14ac:dyDescent="0.25">
      <c r="A184" s="4" t="s">
        <v>588</v>
      </c>
      <c r="B184" s="6" t="s">
        <v>589</v>
      </c>
      <c r="C184" s="2" t="s">
        <v>51</v>
      </c>
      <c r="D184" s="2" t="s">
        <v>51</v>
      </c>
      <c r="E184" s="2" t="s">
        <v>51</v>
      </c>
      <c r="F184" s="2" t="s">
        <v>51</v>
      </c>
      <c r="G184" s="2" t="s">
        <v>51</v>
      </c>
      <c r="H184" s="2" t="s">
        <v>51</v>
      </c>
      <c r="I184" s="2" t="s">
        <v>51</v>
      </c>
    </row>
    <row r="185" spans="1:11" x14ac:dyDescent="0.25">
      <c r="A185" s="4" t="s">
        <v>590</v>
      </c>
      <c r="B185" s="6" t="s">
        <v>591</v>
      </c>
      <c r="C185" s="2" t="s">
        <v>51</v>
      </c>
      <c r="D185" s="2" t="s">
        <v>51</v>
      </c>
      <c r="E185" s="2" t="s">
        <v>51</v>
      </c>
      <c r="F185" s="2" t="s">
        <v>51</v>
      </c>
      <c r="G185" s="2" t="s">
        <v>51</v>
      </c>
      <c r="H185" s="2" t="s">
        <v>51</v>
      </c>
      <c r="I185" s="2" t="s">
        <v>51</v>
      </c>
    </row>
    <row r="186" spans="1:11" x14ac:dyDescent="0.25">
      <c r="A186" s="4" t="s">
        <v>592</v>
      </c>
      <c r="B186" s="6" t="s">
        <v>593</v>
      </c>
      <c r="C186" s="2" t="s">
        <v>51</v>
      </c>
      <c r="D186" s="2" t="s">
        <v>51</v>
      </c>
      <c r="E186" s="2" t="s">
        <v>51</v>
      </c>
      <c r="F186" s="2" t="s">
        <v>51</v>
      </c>
      <c r="G186" s="2" t="s">
        <v>51</v>
      </c>
      <c r="H186" s="2" t="s">
        <v>51</v>
      </c>
      <c r="I186" s="2" t="s">
        <v>51</v>
      </c>
    </row>
    <row r="188" spans="1:11" x14ac:dyDescent="0.25">
      <c r="A188" s="11" t="s">
        <v>6</v>
      </c>
      <c r="B188" s="11" t="s">
        <v>594</v>
      </c>
      <c r="C188" s="11" t="s">
        <v>316</v>
      </c>
      <c r="D188" s="11" t="s">
        <v>317</v>
      </c>
      <c r="E188" s="11" t="s">
        <v>318</v>
      </c>
      <c r="F188" s="11" t="s">
        <v>7</v>
      </c>
      <c r="G188" s="11" t="s">
        <v>321</v>
      </c>
      <c r="H188" s="11" t="s">
        <v>322</v>
      </c>
      <c r="I188" s="11" t="s">
        <v>7</v>
      </c>
      <c r="J188" s="11" t="s">
        <v>324</v>
      </c>
      <c r="K188" s="11" t="s">
        <v>325</v>
      </c>
    </row>
    <row r="189" spans="1:11" ht="21" x14ac:dyDescent="0.25">
      <c r="A189" s="11" t="s">
        <v>7</v>
      </c>
      <c r="B189" s="11" t="s">
        <v>7</v>
      </c>
      <c r="C189" s="11" t="s">
        <v>7</v>
      </c>
      <c r="D189" s="11" t="s">
        <v>7</v>
      </c>
      <c r="E189" s="1" t="s">
        <v>319</v>
      </c>
      <c r="F189" s="1" t="s">
        <v>320</v>
      </c>
      <c r="G189" s="11" t="s">
        <v>7</v>
      </c>
      <c r="H189" s="1" t="s">
        <v>319</v>
      </c>
      <c r="I189" s="1" t="s">
        <v>323</v>
      </c>
      <c r="J189" s="11" t="s">
        <v>7</v>
      </c>
      <c r="K189" s="11" t="s">
        <v>7</v>
      </c>
    </row>
    <row r="190" spans="1:11" x14ac:dyDescent="0.25">
      <c r="A190" s="5" t="s">
        <v>595</v>
      </c>
      <c r="B190" s="7" t="s">
        <v>596</v>
      </c>
      <c r="C190" s="3" t="s">
        <v>421</v>
      </c>
      <c r="D190" s="3" t="s">
        <v>422</v>
      </c>
      <c r="E190" s="3" t="s">
        <v>423</v>
      </c>
      <c r="F190" s="3" t="s">
        <v>423</v>
      </c>
      <c r="G190" s="3" t="s">
        <v>424</v>
      </c>
      <c r="H190" s="3" t="s">
        <v>425</v>
      </c>
      <c r="I190" s="3" t="s">
        <v>425</v>
      </c>
      <c r="J190" s="3" t="s">
        <v>426</v>
      </c>
      <c r="K190" s="3" t="s">
        <v>427</v>
      </c>
    </row>
    <row r="191" spans="1:11" x14ac:dyDescent="0.25">
      <c r="A191" s="5" t="s">
        <v>597</v>
      </c>
      <c r="B191" s="7" t="s">
        <v>598</v>
      </c>
      <c r="C191" s="3" t="s">
        <v>421</v>
      </c>
      <c r="D191" s="3" t="s">
        <v>422</v>
      </c>
      <c r="E191" s="3" t="s">
        <v>423</v>
      </c>
      <c r="F191" s="3" t="s">
        <v>423</v>
      </c>
      <c r="G191" s="3" t="s">
        <v>424</v>
      </c>
      <c r="H191" s="3" t="s">
        <v>425</v>
      </c>
      <c r="I191" s="3" t="s">
        <v>425</v>
      </c>
      <c r="J191" s="3" t="s">
        <v>426</v>
      </c>
      <c r="K191" s="3" t="s">
        <v>427</v>
      </c>
    </row>
    <row r="192" spans="1:11" x14ac:dyDescent="0.25">
      <c r="A192" s="4" t="s">
        <v>599</v>
      </c>
      <c r="B192" s="6" t="s">
        <v>600</v>
      </c>
      <c r="C192" s="2" t="s">
        <v>601</v>
      </c>
      <c r="D192" s="2" t="s">
        <v>602</v>
      </c>
      <c r="E192" s="2" t="s">
        <v>603</v>
      </c>
      <c r="F192" s="2" t="s">
        <v>603</v>
      </c>
      <c r="G192" s="2" t="s">
        <v>604</v>
      </c>
      <c r="H192" s="2" t="s">
        <v>605</v>
      </c>
      <c r="I192" s="2" t="s">
        <v>605</v>
      </c>
      <c r="J192" s="2" t="s">
        <v>606</v>
      </c>
      <c r="K192" s="2" t="s">
        <v>607</v>
      </c>
    </row>
    <row r="193" spans="1:11" x14ac:dyDescent="0.25">
      <c r="A193" s="4" t="s">
        <v>608</v>
      </c>
      <c r="B193" s="6" t="s">
        <v>609</v>
      </c>
      <c r="C193" s="2" t="s">
        <v>51</v>
      </c>
      <c r="D193" s="2" t="s">
        <v>51</v>
      </c>
      <c r="E193" s="2" t="s">
        <v>51</v>
      </c>
      <c r="F193" s="2" t="s">
        <v>51</v>
      </c>
      <c r="G193" s="2" t="s">
        <v>51</v>
      </c>
      <c r="H193" s="2" t="s">
        <v>51</v>
      </c>
      <c r="I193" s="2" t="s">
        <v>51</v>
      </c>
      <c r="J193" s="2" t="s">
        <v>51</v>
      </c>
      <c r="K193" s="2" t="s">
        <v>51</v>
      </c>
    </row>
    <row r="194" spans="1:11" x14ac:dyDescent="0.25">
      <c r="A194" s="4" t="s">
        <v>610</v>
      </c>
      <c r="B194" s="6" t="s">
        <v>611</v>
      </c>
      <c r="C194" s="2" t="s">
        <v>612</v>
      </c>
      <c r="D194" s="2" t="s">
        <v>613</v>
      </c>
      <c r="E194" s="2" t="s">
        <v>614</v>
      </c>
      <c r="F194" s="2" t="s">
        <v>614</v>
      </c>
      <c r="G194" s="2" t="s">
        <v>615</v>
      </c>
      <c r="H194" s="2" t="s">
        <v>616</v>
      </c>
      <c r="I194" s="2" t="s">
        <v>616</v>
      </c>
      <c r="J194" s="2" t="s">
        <v>617</v>
      </c>
      <c r="K194" s="2" t="s">
        <v>618</v>
      </c>
    </row>
    <row r="195" spans="1:11" x14ac:dyDescent="0.25">
      <c r="A195" s="5" t="s">
        <v>619</v>
      </c>
      <c r="B195" s="7" t="s">
        <v>620</v>
      </c>
      <c r="C195" s="3" t="s">
        <v>51</v>
      </c>
      <c r="D195" s="3" t="s">
        <v>51</v>
      </c>
      <c r="E195" s="3" t="s">
        <v>51</v>
      </c>
      <c r="F195" s="3" t="s">
        <v>51</v>
      </c>
      <c r="G195" s="3" t="s">
        <v>51</v>
      </c>
      <c r="H195" s="3" t="s">
        <v>51</v>
      </c>
      <c r="I195" s="3" t="s">
        <v>51</v>
      </c>
      <c r="J195" s="3" t="s">
        <v>51</v>
      </c>
      <c r="K195" s="3" t="s">
        <v>51</v>
      </c>
    </row>
    <row r="196" spans="1:11" x14ac:dyDescent="0.25">
      <c r="A196" s="4" t="s">
        <v>621</v>
      </c>
      <c r="B196" s="6" t="s">
        <v>622</v>
      </c>
      <c r="C196" s="2" t="s">
        <v>51</v>
      </c>
      <c r="D196" s="2" t="s">
        <v>51</v>
      </c>
      <c r="E196" s="2" t="s">
        <v>51</v>
      </c>
      <c r="F196" s="2" t="s">
        <v>51</v>
      </c>
      <c r="G196" s="2" t="s">
        <v>51</v>
      </c>
      <c r="H196" s="2" t="s">
        <v>51</v>
      </c>
      <c r="I196" s="2" t="s">
        <v>51</v>
      </c>
      <c r="J196" s="2" t="s">
        <v>51</v>
      </c>
      <c r="K196" s="2" t="s">
        <v>51</v>
      </c>
    </row>
    <row r="197" spans="1:11" x14ac:dyDescent="0.25">
      <c r="A197" s="4" t="s">
        <v>623</v>
      </c>
      <c r="B197" s="6" t="s">
        <v>624</v>
      </c>
      <c r="C197" s="2" t="s">
        <v>51</v>
      </c>
      <c r="D197" s="2" t="s">
        <v>51</v>
      </c>
      <c r="E197" s="2" t="s">
        <v>51</v>
      </c>
      <c r="F197" s="2" t="s">
        <v>51</v>
      </c>
      <c r="G197" s="2" t="s">
        <v>51</v>
      </c>
      <c r="H197" s="2" t="s">
        <v>51</v>
      </c>
      <c r="I197" s="2" t="s">
        <v>51</v>
      </c>
      <c r="J197" s="2" t="s">
        <v>51</v>
      </c>
      <c r="K197" s="2" t="s">
        <v>51</v>
      </c>
    </row>
    <row r="198" spans="1:11" x14ac:dyDescent="0.25">
      <c r="A198" s="4" t="s">
        <v>625</v>
      </c>
      <c r="B198" s="6" t="s">
        <v>626</v>
      </c>
      <c r="C198" s="2" t="s">
        <v>51</v>
      </c>
      <c r="D198" s="2" t="s">
        <v>51</v>
      </c>
      <c r="E198" s="2" t="s">
        <v>51</v>
      </c>
      <c r="F198" s="2" t="s">
        <v>51</v>
      </c>
      <c r="G198" s="2" t="s">
        <v>51</v>
      </c>
      <c r="H198" s="2" t="s">
        <v>51</v>
      </c>
      <c r="I198" s="2" t="s">
        <v>51</v>
      </c>
      <c r="J198" s="2" t="s">
        <v>51</v>
      </c>
      <c r="K198" s="2" t="s">
        <v>51</v>
      </c>
    </row>
    <row r="199" spans="1:11" x14ac:dyDescent="0.25">
      <c r="A199" s="4" t="s">
        <v>627</v>
      </c>
      <c r="B199" s="6" t="s">
        <v>628</v>
      </c>
      <c r="C199" s="2" t="s">
        <v>51</v>
      </c>
      <c r="D199" s="2" t="s">
        <v>51</v>
      </c>
      <c r="E199" s="2" t="s">
        <v>51</v>
      </c>
      <c r="F199" s="2" t="s">
        <v>51</v>
      </c>
      <c r="G199" s="2" t="s">
        <v>51</v>
      </c>
      <c r="H199" s="2" t="s">
        <v>51</v>
      </c>
      <c r="I199" s="2" t="s">
        <v>51</v>
      </c>
      <c r="J199" s="2" t="s">
        <v>51</v>
      </c>
      <c r="K199" s="2" t="s">
        <v>51</v>
      </c>
    </row>
  </sheetData>
  <mergeCells count="36">
    <mergeCell ref="A3:K3"/>
    <mergeCell ref="A4:K4"/>
    <mergeCell ref="A5:K5"/>
    <mergeCell ref="A6:K6"/>
    <mergeCell ref="A7:K7"/>
    <mergeCell ref="A9:K9"/>
    <mergeCell ref="A10:A11"/>
    <mergeCell ref="B10:B11"/>
    <mergeCell ref="C10:C11"/>
    <mergeCell ref="D10:D11"/>
    <mergeCell ref="E10:H10"/>
    <mergeCell ref="I10:I11"/>
    <mergeCell ref="G93:G94"/>
    <mergeCell ref="H93:I93"/>
    <mergeCell ref="J93:J94"/>
    <mergeCell ref="K93:K94"/>
    <mergeCell ref="A121:A122"/>
    <mergeCell ref="B121:B122"/>
    <mergeCell ref="C121:C122"/>
    <mergeCell ref="D121:D122"/>
    <mergeCell ref="E121:H121"/>
    <mergeCell ref="I121:I122"/>
    <mergeCell ref="A93:A94"/>
    <mergeCell ref="B93:B94"/>
    <mergeCell ref="C93:C94"/>
    <mergeCell ref="D93:D94"/>
    <mergeCell ref="E93:F93"/>
    <mergeCell ref="G188:G189"/>
    <mergeCell ref="H188:I188"/>
    <mergeCell ref="J188:J189"/>
    <mergeCell ref="K188:K189"/>
    <mergeCell ref="A188:A189"/>
    <mergeCell ref="B188:B189"/>
    <mergeCell ref="C188:C189"/>
    <mergeCell ref="D188:D189"/>
    <mergeCell ref="E188:F188"/>
  </mergeCells>
  <pageMargins left="0.7" right="0.7" top="0.75" bottom="0.75" header="0.3" footer="0.3"/>
  <pageSetup paperSize="9" orientation="portrait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3:F102"/>
  <sheetViews>
    <sheetView showGridLines="0" topLeftCell="A31" workbookViewId="0">
      <selection activeCell="C40" sqref="C40"/>
    </sheetView>
  </sheetViews>
  <sheetFormatPr defaultRowHeight="15" x14ac:dyDescent="0.25"/>
  <cols>
    <col min="1" max="1" width="2.140625" bestFit="1" customWidth="1"/>
    <col min="2" max="2" width="67.5703125" bestFit="1" customWidth="1"/>
    <col min="3" max="3" width="49.140625" bestFit="1" customWidth="1"/>
    <col min="4" max="4" width="21.140625" bestFit="1" customWidth="1"/>
    <col min="5" max="5" width="17.7109375" bestFit="1" customWidth="1"/>
    <col min="6" max="6" width="9.140625" bestFit="1" customWidth="1"/>
  </cols>
  <sheetData>
    <row r="3" spans="1:6" x14ac:dyDescent="0.25">
      <c r="A3" s="14" t="s">
        <v>0</v>
      </c>
      <c r="B3" s="13"/>
      <c r="C3" s="13"/>
      <c r="D3" s="13"/>
      <c r="E3" s="13"/>
      <c r="F3" s="13"/>
    </row>
    <row r="4" spans="1:6" x14ac:dyDescent="0.25">
      <c r="A4" s="14" t="s">
        <v>1</v>
      </c>
      <c r="B4" s="13"/>
      <c r="C4" s="13"/>
      <c r="D4" s="13"/>
      <c r="E4" s="13"/>
      <c r="F4" s="13"/>
    </row>
    <row r="5" spans="1:6" x14ac:dyDescent="0.25">
      <c r="A5" s="15" t="s">
        <v>3178</v>
      </c>
      <c r="B5" s="13"/>
      <c r="C5" s="13"/>
      <c r="D5" s="13"/>
      <c r="E5" s="13"/>
      <c r="F5" s="13"/>
    </row>
    <row r="6" spans="1:6" x14ac:dyDescent="0.25">
      <c r="A6" s="14" t="s">
        <v>3</v>
      </c>
      <c r="B6" s="13"/>
      <c r="C6" s="13"/>
      <c r="D6" s="13"/>
      <c r="E6" s="13"/>
      <c r="F6" s="13"/>
    </row>
    <row r="7" spans="1:6" x14ac:dyDescent="0.25">
      <c r="A7" s="14" t="s">
        <v>4</v>
      </c>
      <c r="B7" s="13"/>
      <c r="C7" s="13"/>
      <c r="D7" s="13"/>
      <c r="E7" s="13"/>
      <c r="F7" s="13"/>
    </row>
    <row r="9" spans="1:6" x14ac:dyDescent="0.25">
      <c r="A9" s="12" t="s">
        <v>3179</v>
      </c>
      <c r="B9" s="13"/>
      <c r="C9" s="13"/>
      <c r="D9" s="13"/>
      <c r="E9" s="13"/>
      <c r="F9" s="13"/>
    </row>
    <row r="10" spans="1:6" x14ac:dyDescent="0.25">
      <c r="A10" s="11" t="s">
        <v>6</v>
      </c>
      <c r="B10" s="11" t="s">
        <v>3180</v>
      </c>
      <c r="C10" s="11" t="s">
        <v>3146</v>
      </c>
    </row>
    <row r="11" spans="1:6" x14ac:dyDescent="0.25">
      <c r="A11" s="11" t="s">
        <v>7</v>
      </c>
      <c r="B11" s="11" t="s">
        <v>7</v>
      </c>
      <c r="C11" s="11" t="s">
        <v>7</v>
      </c>
    </row>
    <row r="12" spans="1:6" x14ac:dyDescent="0.25">
      <c r="A12" s="4" t="s">
        <v>17</v>
      </c>
      <c r="B12" s="6" t="s">
        <v>8</v>
      </c>
      <c r="C12" s="2" t="s">
        <v>51</v>
      </c>
    </row>
    <row r="13" spans="1:6" x14ac:dyDescent="0.25">
      <c r="A13" s="4" t="s">
        <v>24</v>
      </c>
      <c r="B13" s="6" t="s">
        <v>9</v>
      </c>
      <c r="C13" s="2" t="s">
        <v>284</v>
      </c>
    </row>
    <row r="14" spans="1:6" x14ac:dyDescent="0.25">
      <c r="A14" s="4" t="s">
        <v>31</v>
      </c>
      <c r="B14" s="6" t="s">
        <v>1649</v>
      </c>
      <c r="C14" s="2" t="s">
        <v>285</v>
      </c>
    </row>
    <row r="15" spans="1:6" x14ac:dyDescent="0.25">
      <c r="A15" s="4" t="s">
        <v>37</v>
      </c>
      <c r="B15" s="6" t="s">
        <v>11</v>
      </c>
      <c r="C15" s="2" t="s">
        <v>286</v>
      </c>
    </row>
    <row r="16" spans="1:6" x14ac:dyDescent="0.25">
      <c r="A16" s="4" t="s">
        <v>43</v>
      </c>
      <c r="B16" s="6" t="s">
        <v>3181</v>
      </c>
      <c r="C16" s="2" t="s">
        <v>51</v>
      </c>
    </row>
    <row r="17" spans="1:3" x14ac:dyDescent="0.25">
      <c r="A17" s="4" t="s">
        <v>49</v>
      </c>
      <c r="B17" s="6" t="s">
        <v>3182</v>
      </c>
      <c r="C17" s="2" t="s">
        <v>51</v>
      </c>
    </row>
    <row r="18" spans="1:3" x14ac:dyDescent="0.25">
      <c r="A18" s="4" t="s">
        <v>52</v>
      </c>
      <c r="B18" s="6" t="s">
        <v>315</v>
      </c>
      <c r="C18" s="2" t="s">
        <v>51</v>
      </c>
    </row>
    <row r="19" spans="1:3" x14ac:dyDescent="0.25">
      <c r="A19" s="4" t="s">
        <v>59</v>
      </c>
      <c r="B19" s="6" t="s">
        <v>632</v>
      </c>
      <c r="C19" s="2" t="s">
        <v>284</v>
      </c>
    </row>
    <row r="20" spans="1:3" x14ac:dyDescent="0.25">
      <c r="A20" s="4" t="s">
        <v>61</v>
      </c>
      <c r="B20" s="6" t="s">
        <v>3183</v>
      </c>
      <c r="C20" s="2" t="s">
        <v>3184</v>
      </c>
    </row>
    <row r="21" spans="1:3" x14ac:dyDescent="0.25">
      <c r="A21" s="4" t="s">
        <v>63</v>
      </c>
      <c r="B21" s="6" t="s">
        <v>2082</v>
      </c>
      <c r="C21" s="2" t="s">
        <v>430</v>
      </c>
    </row>
    <row r="22" spans="1:3" x14ac:dyDescent="0.25">
      <c r="A22" s="4" t="s">
        <v>65</v>
      </c>
      <c r="B22" s="6" t="s">
        <v>318</v>
      </c>
      <c r="C22" s="2" t="s">
        <v>431</v>
      </c>
    </row>
    <row r="23" spans="1:3" x14ac:dyDescent="0.25">
      <c r="A23" s="4" t="s">
        <v>67</v>
      </c>
      <c r="B23" s="6" t="s">
        <v>322</v>
      </c>
      <c r="C23" s="2" t="s">
        <v>433</v>
      </c>
    </row>
    <row r="24" spans="1:3" x14ac:dyDescent="0.25">
      <c r="A24" s="4" t="s">
        <v>73</v>
      </c>
      <c r="B24" s="6" t="s">
        <v>3185</v>
      </c>
      <c r="C24" s="2" t="s">
        <v>435</v>
      </c>
    </row>
    <row r="25" spans="1:3" x14ac:dyDescent="0.25">
      <c r="A25" s="4" t="s">
        <v>79</v>
      </c>
      <c r="B25" s="6" t="s">
        <v>3186</v>
      </c>
      <c r="C25" s="2" t="s">
        <v>452</v>
      </c>
    </row>
    <row r="27" spans="1:3" x14ac:dyDescent="0.25">
      <c r="A27" s="11" t="s">
        <v>6</v>
      </c>
      <c r="B27" s="11" t="s">
        <v>3187</v>
      </c>
      <c r="C27" s="11" t="s">
        <v>3146</v>
      </c>
    </row>
    <row r="28" spans="1:3" x14ac:dyDescent="0.25">
      <c r="A28" s="11" t="s">
        <v>7</v>
      </c>
      <c r="B28" s="11" t="s">
        <v>7</v>
      </c>
      <c r="C28" s="11" t="s">
        <v>7</v>
      </c>
    </row>
    <row r="29" spans="1:3" x14ac:dyDescent="0.25">
      <c r="A29" s="4" t="s">
        <v>85</v>
      </c>
      <c r="B29" s="6" t="s">
        <v>318</v>
      </c>
      <c r="C29" s="2" t="s">
        <v>431</v>
      </c>
    </row>
    <row r="30" spans="1:3" x14ac:dyDescent="0.25">
      <c r="A30" s="4" t="s">
        <v>87</v>
      </c>
      <c r="B30" s="6" t="s">
        <v>322</v>
      </c>
      <c r="C30" s="2" t="s">
        <v>433</v>
      </c>
    </row>
    <row r="32" spans="1:3" x14ac:dyDescent="0.25">
      <c r="A32" s="11" t="s">
        <v>6</v>
      </c>
      <c r="B32" s="11" t="s">
        <v>3188</v>
      </c>
      <c r="C32" s="11" t="s">
        <v>3146</v>
      </c>
    </row>
    <row r="33" spans="1:5" x14ac:dyDescent="0.25">
      <c r="A33" s="11" t="s">
        <v>7</v>
      </c>
      <c r="B33" s="11" t="s">
        <v>7</v>
      </c>
      <c r="C33" s="11" t="s">
        <v>7</v>
      </c>
    </row>
    <row r="34" spans="1:5" x14ac:dyDescent="0.25">
      <c r="A34" s="4" t="s">
        <v>93</v>
      </c>
      <c r="B34" s="6" t="s">
        <v>3189</v>
      </c>
      <c r="C34" s="2" t="s">
        <v>1986</v>
      </c>
    </row>
    <row r="36" spans="1:5" x14ac:dyDescent="0.25">
      <c r="A36" s="11" t="s">
        <v>6</v>
      </c>
      <c r="B36" s="11" t="s">
        <v>3190</v>
      </c>
      <c r="C36" s="11" t="s">
        <v>3146</v>
      </c>
    </row>
    <row r="37" spans="1:5" x14ac:dyDescent="0.25">
      <c r="A37" s="11" t="s">
        <v>7</v>
      </c>
      <c r="B37" s="11" t="s">
        <v>7</v>
      </c>
      <c r="C37" s="11" t="s">
        <v>7</v>
      </c>
    </row>
    <row r="38" spans="1:5" x14ac:dyDescent="0.25">
      <c r="A38" s="5" t="s">
        <v>95</v>
      </c>
      <c r="B38" s="7" t="s">
        <v>3191</v>
      </c>
      <c r="C38" s="3" t="s">
        <v>51</v>
      </c>
    </row>
    <row r="39" spans="1:5" x14ac:dyDescent="0.25">
      <c r="A39" s="4" t="s">
        <v>101</v>
      </c>
      <c r="B39" s="6" t="s">
        <v>3192</v>
      </c>
      <c r="C39" s="10">
        <v>445862600.91000003</v>
      </c>
    </row>
    <row r="40" spans="1:5" x14ac:dyDescent="0.25">
      <c r="A40" s="4" t="s">
        <v>103</v>
      </c>
      <c r="B40" s="6" t="s">
        <v>3193</v>
      </c>
      <c r="C40" s="10">
        <v>417114170.88999999</v>
      </c>
    </row>
    <row r="41" spans="1:5" x14ac:dyDescent="0.25">
      <c r="A41" s="4" t="s">
        <v>105</v>
      </c>
      <c r="B41" s="6" t="s">
        <v>3194</v>
      </c>
      <c r="C41" s="10">
        <v>28748430.02</v>
      </c>
    </row>
    <row r="42" spans="1:5" x14ac:dyDescent="0.25">
      <c r="A42" s="5" t="s">
        <v>107</v>
      </c>
      <c r="B42" s="7" t="s">
        <v>3195</v>
      </c>
      <c r="C42" s="3" t="s">
        <v>51</v>
      </c>
    </row>
    <row r="43" spans="1:5" x14ac:dyDescent="0.25">
      <c r="A43" s="4" t="s">
        <v>113</v>
      </c>
      <c r="B43" s="6" t="s">
        <v>3192</v>
      </c>
      <c r="C43" s="2" t="s">
        <v>51</v>
      </c>
    </row>
    <row r="44" spans="1:5" x14ac:dyDescent="0.25">
      <c r="A44" s="4" t="s">
        <v>119</v>
      </c>
      <c r="B44" s="6" t="s">
        <v>3196</v>
      </c>
      <c r="C44" s="2" t="s">
        <v>51</v>
      </c>
    </row>
    <row r="45" spans="1:5" x14ac:dyDescent="0.25">
      <c r="A45" s="4" t="s">
        <v>125</v>
      </c>
      <c r="B45" s="6" t="s">
        <v>3194</v>
      </c>
      <c r="C45" s="2" t="s">
        <v>51</v>
      </c>
    </row>
    <row r="47" spans="1:5" x14ac:dyDescent="0.25">
      <c r="A47" s="11" t="s">
        <v>6</v>
      </c>
      <c r="B47" s="11" t="s">
        <v>3197</v>
      </c>
      <c r="C47" s="11" t="s">
        <v>3198</v>
      </c>
      <c r="D47" s="11" t="s">
        <v>3199</v>
      </c>
      <c r="E47" s="11" t="s">
        <v>3200</v>
      </c>
    </row>
    <row r="48" spans="1:5" x14ac:dyDescent="0.25">
      <c r="A48" s="11" t="s">
        <v>7</v>
      </c>
      <c r="B48" s="11" t="s">
        <v>7</v>
      </c>
      <c r="C48" s="11" t="s">
        <v>7</v>
      </c>
      <c r="D48" s="11" t="s">
        <v>7</v>
      </c>
      <c r="E48" s="11" t="s">
        <v>7</v>
      </c>
    </row>
    <row r="49" spans="1:6" x14ac:dyDescent="0.25">
      <c r="A49" s="4" t="s">
        <v>131</v>
      </c>
      <c r="B49" s="6" t="s">
        <v>3201</v>
      </c>
      <c r="C49" s="2" t="s">
        <v>2393</v>
      </c>
      <c r="D49" s="2" t="s">
        <v>2391</v>
      </c>
      <c r="E49" s="2" t="s">
        <v>3202</v>
      </c>
    </row>
    <row r="50" spans="1:6" x14ac:dyDescent="0.25">
      <c r="A50" s="4" t="s">
        <v>133</v>
      </c>
      <c r="B50" s="6" t="s">
        <v>3203</v>
      </c>
      <c r="C50" s="2" t="s">
        <v>2384</v>
      </c>
      <c r="D50" s="2" t="s">
        <v>2380</v>
      </c>
      <c r="E50" s="2" t="s">
        <v>3204</v>
      </c>
    </row>
    <row r="52" spans="1:6" x14ac:dyDescent="0.25">
      <c r="A52" s="11" t="s">
        <v>6</v>
      </c>
      <c r="B52" s="11" t="s">
        <v>3205</v>
      </c>
      <c r="C52" s="11" t="s">
        <v>3206</v>
      </c>
      <c r="D52" s="11" t="s">
        <v>3207</v>
      </c>
      <c r="E52" s="11" t="s">
        <v>3208</v>
      </c>
      <c r="F52" s="11" t="s">
        <v>3209</v>
      </c>
    </row>
    <row r="53" spans="1:6" x14ac:dyDescent="0.25">
      <c r="A53" s="11" t="s">
        <v>7</v>
      </c>
      <c r="B53" s="11" t="s">
        <v>7</v>
      </c>
      <c r="C53" s="11" t="s">
        <v>7</v>
      </c>
      <c r="D53" s="11" t="s">
        <v>7</v>
      </c>
      <c r="E53" s="11" t="s">
        <v>7</v>
      </c>
      <c r="F53" s="11" t="s">
        <v>7</v>
      </c>
    </row>
    <row r="54" spans="1:6" x14ac:dyDescent="0.25">
      <c r="A54" s="5" t="s">
        <v>139</v>
      </c>
      <c r="B54" s="7" t="s">
        <v>3210</v>
      </c>
      <c r="C54" s="3" t="s">
        <v>3211</v>
      </c>
      <c r="D54" s="3" t="s">
        <v>2579</v>
      </c>
      <c r="E54" s="3" t="s">
        <v>2578</v>
      </c>
      <c r="F54" s="3" t="s">
        <v>2580</v>
      </c>
    </row>
    <row r="55" spans="1:6" x14ac:dyDescent="0.25">
      <c r="A55" s="4" t="s">
        <v>145</v>
      </c>
      <c r="B55" s="6" t="s">
        <v>3212</v>
      </c>
      <c r="C55" s="2" t="s">
        <v>3213</v>
      </c>
      <c r="D55" s="2" t="s">
        <v>2579</v>
      </c>
      <c r="E55" s="2" t="s">
        <v>3214</v>
      </c>
      <c r="F55" s="2" t="s">
        <v>3215</v>
      </c>
    </row>
    <row r="56" spans="1:6" x14ac:dyDescent="0.25">
      <c r="A56" s="4" t="s">
        <v>151</v>
      </c>
      <c r="B56" s="6" t="s">
        <v>3216</v>
      </c>
      <c r="C56" s="2" t="s">
        <v>3217</v>
      </c>
      <c r="D56" s="2" t="s">
        <v>51</v>
      </c>
      <c r="E56" s="2" t="s">
        <v>3217</v>
      </c>
      <c r="F56" s="2" t="s">
        <v>51</v>
      </c>
    </row>
    <row r="57" spans="1:6" x14ac:dyDescent="0.25">
      <c r="A57" s="4" t="s">
        <v>153</v>
      </c>
      <c r="B57" s="6" t="s">
        <v>3218</v>
      </c>
      <c r="C57" s="2" t="s">
        <v>3219</v>
      </c>
      <c r="D57" s="2" t="s">
        <v>51</v>
      </c>
      <c r="E57" s="2" t="s">
        <v>3220</v>
      </c>
      <c r="F57" s="2" t="s">
        <v>2508</v>
      </c>
    </row>
    <row r="58" spans="1:6" x14ac:dyDescent="0.25">
      <c r="A58" s="4" t="s">
        <v>156</v>
      </c>
      <c r="B58" s="6" t="s">
        <v>3221</v>
      </c>
      <c r="C58" s="2" t="s">
        <v>2525</v>
      </c>
      <c r="D58" s="2" t="s">
        <v>51</v>
      </c>
      <c r="E58" s="2" t="s">
        <v>2526</v>
      </c>
      <c r="F58" s="2" t="s">
        <v>2527</v>
      </c>
    </row>
    <row r="59" spans="1:6" x14ac:dyDescent="0.25">
      <c r="A59" s="4" t="s">
        <v>162</v>
      </c>
      <c r="B59" s="6" t="s">
        <v>3222</v>
      </c>
      <c r="C59" s="2" t="s">
        <v>3223</v>
      </c>
      <c r="D59" s="2" t="s">
        <v>51</v>
      </c>
      <c r="E59" s="2" t="s">
        <v>3224</v>
      </c>
      <c r="F59" s="2" t="s">
        <v>2548</v>
      </c>
    </row>
    <row r="60" spans="1:6" x14ac:dyDescent="0.25">
      <c r="A60" s="5" t="s">
        <v>168</v>
      </c>
      <c r="B60" s="7" t="s">
        <v>3225</v>
      </c>
      <c r="C60" s="3" t="s">
        <v>3226</v>
      </c>
      <c r="D60" s="3" t="s">
        <v>2477</v>
      </c>
      <c r="E60" s="3" t="s">
        <v>2376</v>
      </c>
      <c r="F60" s="3" t="s">
        <v>2584</v>
      </c>
    </row>
    <row r="61" spans="1:6" x14ac:dyDescent="0.25">
      <c r="A61" s="4" t="s">
        <v>171</v>
      </c>
      <c r="B61" s="6" t="s">
        <v>3212</v>
      </c>
      <c r="C61" s="2" t="s">
        <v>3227</v>
      </c>
      <c r="D61" s="2" t="s">
        <v>2487</v>
      </c>
      <c r="E61" s="2" t="s">
        <v>2486</v>
      </c>
      <c r="F61" s="2" t="s">
        <v>3228</v>
      </c>
    </row>
    <row r="62" spans="1:6" x14ac:dyDescent="0.25">
      <c r="A62" s="4" t="s">
        <v>173</v>
      </c>
      <c r="B62" s="6" t="s">
        <v>3216</v>
      </c>
      <c r="C62" s="2" t="s">
        <v>2492</v>
      </c>
      <c r="D62" s="2" t="s">
        <v>2494</v>
      </c>
      <c r="E62" s="2" t="s">
        <v>2493</v>
      </c>
      <c r="F62" s="2" t="s">
        <v>2495</v>
      </c>
    </row>
    <row r="63" spans="1:6" x14ac:dyDescent="0.25">
      <c r="A63" s="4" t="s">
        <v>175</v>
      </c>
      <c r="B63" s="6" t="s">
        <v>3218</v>
      </c>
      <c r="C63" s="2" t="s">
        <v>2509</v>
      </c>
      <c r="D63" s="2" t="s">
        <v>2512</v>
      </c>
      <c r="E63" s="2" t="s">
        <v>2511</v>
      </c>
      <c r="F63" s="2" t="s">
        <v>2513</v>
      </c>
    </row>
    <row r="64" spans="1:6" x14ac:dyDescent="0.25">
      <c r="A64" s="4" t="s">
        <v>181</v>
      </c>
      <c r="B64" s="6" t="s">
        <v>3221</v>
      </c>
      <c r="C64" s="2" t="s">
        <v>2528</v>
      </c>
      <c r="D64" s="2" t="s">
        <v>2530</v>
      </c>
      <c r="E64" s="2" t="s">
        <v>2529</v>
      </c>
      <c r="F64" s="2" t="s">
        <v>2531</v>
      </c>
    </row>
    <row r="65" spans="1:6" x14ac:dyDescent="0.25">
      <c r="A65" s="4" t="s">
        <v>187</v>
      </c>
      <c r="B65" s="6" t="s">
        <v>3229</v>
      </c>
      <c r="C65" s="2" t="s">
        <v>2549</v>
      </c>
      <c r="D65" s="2" t="s">
        <v>2551</v>
      </c>
      <c r="E65" s="2" t="s">
        <v>2550</v>
      </c>
      <c r="F65" s="2" t="s">
        <v>2552</v>
      </c>
    </row>
    <row r="66" spans="1:6" x14ac:dyDescent="0.25">
      <c r="A66" s="5" t="s">
        <v>193</v>
      </c>
      <c r="B66" s="7" t="s">
        <v>3089</v>
      </c>
      <c r="C66" s="3" t="s">
        <v>3230</v>
      </c>
      <c r="D66" s="3" t="s">
        <v>3231</v>
      </c>
      <c r="E66" s="3" t="s">
        <v>3232</v>
      </c>
      <c r="F66" s="3" t="s">
        <v>2585</v>
      </c>
    </row>
    <row r="68" spans="1:6" x14ac:dyDescent="0.25">
      <c r="A68" s="11" t="s">
        <v>6</v>
      </c>
      <c r="B68" s="11" t="s">
        <v>3233</v>
      </c>
      <c r="C68" s="11" t="s">
        <v>3234</v>
      </c>
      <c r="D68" s="11" t="s">
        <v>3235</v>
      </c>
      <c r="E68" s="11" t="s">
        <v>3235</v>
      </c>
    </row>
    <row r="69" spans="1:6" ht="21" x14ac:dyDescent="0.25">
      <c r="A69" s="11" t="s">
        <v>7</v>
      </c>
      <c r="B69" s="11" t="s">
        <v>7</v>
      </c>
      <c r="C69" s="11" t="s">
        <v>7</v>
      </c>
      <c r="D69" s="1" t="s">
        <v>3236</v>
      </c>
      <c r="E69" s="1" t="s">
        <v>3237</v>
      </c>
    </row>
    <row r="70" spans="1:6" x14ac:dyDescent="0.25">
      <c r="A70" s="4" t="s">
        <v>195</v>
      </c>
      <c r="B70" s="6" t="s">
        <v>3238</v>
      </c>
      <c r="C70" s="2" t="s">
        <v>2844</v>
      </c>
      <c r="D70" s="2" t="s">
        <v>3239</v>
      </c>
      <c r="E70" s="2" t="s">
        <v>2846</v>
      </c>
    </row>
    <row r="71" spans="1:6" x14ac:dyDescent="0.25">
      <c r="A71" s="4" t="s">
        <v>201</v>
      </c>
      <c r="B71" s="6" t="s">
        <v>3240</v>
      </c>
      <c r="C71" s="2" t="s">
        <v>2759</v>
      </c>
      <c r="D71" s="2" t="s">
        <v>3241</v>
      </c>
      <c r="E71" s="2" t="s">
        <v>2772</v>
      </c>
    </row>
    <row r="72" spans="1:6" x14ac:dyDescent="0.25">
      <c r="A72" s="4" t="s">
        <v>207</v>
      </c>
      <c r="B72" s="6" t="s">
        <v>3242</v>
      </c>
      <c r="C72" s="2" t="s">
        <v>51</v>
      </c>
      <c r="D72" s="2" t="s">
        <v>3241</v>
      </c>
      <c r="E72" s="2" t="s">
        <v>51</v>
      </c>
    </row>
    <row r="73" spans="1:6" x14ac:dyDescent="0.25">
      <c r="A73" s="4" t="s">
        <v>209</v>
      </c>
      <c r="B73" s="6" t="s">
        <v>3243</v>
      </c>
      <c r="C73" s="2" t="s">
        <v>51</v>
      </c>
      <c r="D73" s="2" t="s">
        <v>51</v>
      </c>
      <c r="E73" s="2" t="s">
        <v>51</v>
      </c>
    </row>
    <row r="75" spans="1:6" x14ac:dyDescent="0.25">
      <c r="A75" s="11" t="s">
        <v>6</v>
      </c>
      <c r="B75" s="11" t="s">
        <v>3244</v>
      </c>
      <c r="C75" s="11" t="s">
        <v>3234</v>
      </c>
      <c r="D75" s="11" t="s">
        <v>3245</v>
      </c>
    </row>
    <row r="76" spans="1:6" x14ac:dyDescent="0.25">
      <c r="A76" s="11" t="s">
        <v>7</v>
      </c>
      <c r="B76" s="11" t="s">
        <v>7</v>
      </c>
      <c r="C76" s="11" t="s">
        <v>7</v>
      </c>
      <c r="D76" s="11" t="s">
        <v>7</v>
      </c>
    </row>
    <row r="77" spans="1:6" x14ac:dyDescent="0.25">
      <c r="A77" s="4" t="s">
        <v>211</v>
      </c>
      <c r="B77" s="6" t="s">
        <v>3246</v>
      </c>
      <c r="C77" s="2" t="s">
        <v>51</v>
      </c>
      <c r="D77" s="2" t="s">
        <v>51</v>
      </c>
    </row>
    <row r="78" spans="1:6" x14ac:dyDescent="0.25">
      <c r="A78" s="4" t="s">
        <v>213</v>
      </c>
      <c r="B78" s="6" t="s">
        <v>3247</v>
      </c>
      <c r="C78" s="2" t="s">
        <v>51</v>
      </c>
      <c r="D78" s="2" t="s">
        <v>51</v>
      </c>
    </row>
    <row r="80" spans="1:6" x14ac:dyDescent="0.25">
      <c r="A80" s="11" t="s">
        <v>6</v>
      </c>
      <c r="B80" s="11" t="s">
        <v>3248</v>
      </c>
      <c r="C80" s="11" t="s">
        <v>3249</v>
      </c>
      <c r="D80" s="11" t="s">
        <v>3250</v>
      </c>
      <c r="E80" s="11" t="s">
        <v>3251</v>
      </c>
      <c r="F80" s="11" t="s">
        <v>3252</v>
      </c>
    </row>
    <row r="81" spans="1:6" x14ac:dyDescent="0.25">
      <c r="A81" s="11" t="s">
        <v>7</v>
      </c>
      <c r="B81" s="11" t="s">
        <v>7</v>
      </c>
      <c r="C81" s="11" t="s">
        <v>7</v>
      </c>
      <c r="D81" s="11" t="s">
        <v>7</v>
      </c>
      <c r="E81" s="11" t="s">
        <v>7</v>
      </c>
      <c r="F81" s="11" t="s">
        <v>7</v>
      </c>
    </row>
    <row r="82" spans="1:6" x14ac:dyDescent="0.25">
      <c r="A82" s="4" t="s">
        <v>219</v>
      </c>
      <c r="B82" s="6" t="s">
        <v>3253</v>
      </c>
      <c r="C82" s="2" t="s">
        <v>51</v>
      </c>
      <c r="D82" s="2" t="s">
        <v>51</v>
      </c>
      <c r="E82" s="2" t="s">
        <v>51</v>
      </c>
      <c r="F82" s="2" t="s">
        <v>51</v>
      </c>
    </row>
    <row r="83" spans="1:6" x14ac:dyDescent="0.25">
      <c r="A83" s="4" t="s">
        <v>224</v>
      </c>
      <c r="B83" s="6" t="s">
        <v>3254</v>
      </c>
      <c r="C83" s="2" t="s">
        <v>51</v>
      </c>
      <c r="D83" s="2" t="s">
        <v>51</v>
      </c>
      <c r="E83" s="2" t="s">
        <v>51</v>
      </c>
      <c r="F83" s="2" t="s">
        <v>51</v>
      </c>
    </row>
    <row r="84" spans="1:6" x14ac:dyDescent="0.25">
      <c r="A84" s="4" t="s">
        <v>228</v>
      </c>
      <c r="B84" s="6" t="s">
        <v>3193</v>
      </c>
      <c r="C84" s="2" t="s">
        <v>51</v>
      </c>
      <c r="D84" s="2" t="s">
        <v>51</v>
      </c>
      <c r="E84" s="2" t="s">
        <v>51</v>
      </c>
      <c r="F84" s="2" t="s">
        <v>51</v>
      </c>
    </row>
    <row r="85" spans="1:6" x14ac:dyDescent="0.25">
      <c r="A85" s="4" t="s">
        <v>230</v>
      </c>
      <c r="B85" s="6" t="s">
        <v>3194</v>
      </c>
      <c r="C85" s="2" t="s">
        <v>51</v>
      </c>
      <c r="D85" s="2" t="s">
        <v>51</v>
      </c>
      <c r="E85" s="2" t="s">
        <v>51</v>
      </c>
      <c r="F85" s="2" t="s">
        <v>51</v>
      </c>
    </row>
    <row r="86" spans="1:6" x14ac:dyDescent="0.25">
      <c r="A86" s="4" t="s">
        <v>236</v>
      </c>
      <c r="B86" s="6" t="s">
        <v>3255</v>
      </c>
      <c r="C86" s="2" t="s">
        <v>51</v>
      </c>
      <c r="D86" s="2" t="s">
        <v>51</v>
      </c>
      <c r="E86" s="2" t="s">
        <v>51</v>
      </c>
      <c r="F86" s="2" t="s">
        <v>51</v>
      </c>
    </row>
    <row r="87" spans="1:6" x14ac:dyDescent="0.25">
      <c r="A87" s="4" t="s">
        <v>242</v>
      </c>
      <c r="B87" s="6" t="s">
        <v>3254</v>
      </c>
      <c r="C87" s="2" t="s">
        <v>51</v>
      </c>
      <c r="D87" s="2" t="s">
        <v>51</v>
      </c>
      <c r="E87" s="2" t="s">
        <v>51</v>
      </c>
      <c r="F87" s="2" t="s">
        <v>51</v>
      </c>
    </row>
    <row r="88" spans="1:6" x14ac:dyDescent="0.25">
      <c r="A88" s="4" t="s">
        <v>247</v>
      </c>
      <c r="B88" s="6" t="s">
        <v>3193</v>
      </c>
      <c r="C88" s="2" t="s">
        <v>51</v>
      </c>
      <c r="D88" s="2" t="s">
        <v>51</v>
      </c>
      <c r="E88" s="2" t="s">
        <v>51</v>
      </c>
      <c r="F88" s="2" t="s">
        <v>51</v>
      </c>
    </row>
    <row r="89" spans="1:6" x14ac:dyDescent="0.25">
      <c r="A89" s="4" t="s">
        <v>252</v>
      </c>
      <c r="B89" s="6" t="s">
        <v>3194</v>
      </c>
      <c r="C89" s="2" t="s">
        <v>51</v>
      </c>
      <c r="D89" s="2" t="s">
        <v>51</v>
      </c>
      <c r="E89" s="2" t="s">
        <v>51</v>
      </c>
      <c r="F89" s="2" t="s">
        <v>51</v>
      </c>
    </row>
    <row r="91" spans="1:6" x14ac:dyDescent="0.25">
      <c r="A91" s="11" t="s">
        <v>6</v>
      </c>
      <c r="B91" s="11" t="s">
        <v>3256</v>
      </c>
      <c r="C91" s="11" t="s">
        <v>3234</v>
      </c>
      <c r="D91" s="11" t="s">
        <v>3257</v>
      </c>
    </row>
    <row r="92" spans="1:6" x14ac:dyDescent="0.25">
      <c r="A92" s="11" t="s">
        <v>7</v>
      </c>
      <c r="B92" s="11" t="s">
        <v>7</v>
      </c>
      <c r="C92" s="11" t="s">
        <v>7</v>
      </c>
      <c r="D92" s="11" t="s">
        <v>7</v>
      </c>
    </row>
    <row r="93" spans="1:6" x14ac:dyDescent="0.25">
      <c r="A93" s="4" t="s">
        <v>253</v>
      </c>
      <c r="B93" s="6" t="s">
        <v>3258</v>
      </c>
      <c r="C93" s="2" t="s">
        <v>51</v>
      </c>
      <c r="D93" s="2" t="s">
        <v>51</v>
      </c>
    </row>
    <row r="94" spans="1:6" x14ac:dyDescent="0.25">
      <c r="A94" s="4" t="s">
        <v>258</v>
      </c>
      <c r="B94" s="6" t="s">
        <v>3259</v>
      </c>
      <c r="C94" s="2" t="s">
        <v>51</v>
      </c>
      <c r="D94" s="2" t="s">
        <v>51</v>
      </c>
    </row>
    <row r="96" spans="1:6" x14ac:dyDescent="0.25">
      <c r="A96" s="11" t="s">
        <v>6</v>
      </c>
      <c r="B96" s="11" t="s">
        <v>3260</v>
      </c>
      <c r="C96" s="11" t="s">
        <v>3234</v>
      </c>
      <c r="D96" s="11" t="s">
        <v>3261</v>
      </c>
      <c r="E96" s="11" t="s">
        <v>3261</v>
      </c>
    </row>
    <row r="97" spans="1:5" ht="21" x14ac:dyDescent="0.25">
      <c r="A97" s="11" t="s">
        <v>7</v>
      </c>
      <c r="B97" s="11" t="s">
        <v>7</v>
      </c>
      <c r="C97" s="11" t="s">
        <v>7</v>
      </c>
      <c r="D97" s="1" t="s">
        <v>3236</v>
      </c>
      <c r="E97" s="1" t="s">
        <v>3237</v>
      </c>
    </row>
    <row r="98" spans="1:5" x14ac:dyDescent="0.25">
      <c r="A98" s="4" t="s">
        <v>259</v>
      </c>
      <c r="B98" s="6" t="s">
        <v>3262</v>
      </c>
      <c r="C98" s="2" t="s">
        <v>3057</v>
      </c>
      <c r="D98" s="2" t="s">
        <v>3263</v>
      </c>
      <c r="E98" s="2" t="s">
        <v>3061</v>
      </c>
    </row>
    <row r="100" spans="1:5" x14ac:dyDescent="0.25">
      <c r="A100" s="11" t="s">
        <v>6</v>
      </c>
      <c r="B100" s="11" t="s">
        <v>3264</v>
      </c>
      <c r="C100" s="11" t="s">
        <v>3265</v>
      </c>
    </row>
    <row r="101" spans="1:5" x14ac:dyDescent="0.25">
      <c r="A101" s="11" t="s">
        <v>7</v>
      </c>
      <c r="B101" s="11" t="s">
        <v>7</v>
      </c>
      <c r="C101" s="11" t="s">
        <v>7</v>
      </c>
    </row>
    <row r="102" spans="1:5" x14ac:dyDescent="0.25">
      <c r="A102" s="4" t="s">
        <v>261</v>
      </c>
      <c r="B102" s="6" t="s">
        <v>3266</v>
      </c>
      <c r="C102" s="2" t="s">
        <v>51</v>
      </c>
    </row>
  </sheetData>
  <mergeCells count="54">
    <mergeCell ref="A3:F3"/>
    <mergeCell ref="A4:F4"/>
    <mergeCell ref="A5:F5"/>
    <mergeCell ref="A6:F6"/>
    <mergeCell ref="A7:F7"/>
    <mergeCell ref="A9:F9"/>
    <mergeCell ref="A10:A11"/>
    <mergeCell ref="B10:B11"/>
    <mergeCell ref="C10:C11"/>
    <mergeCell ref="A27:A28"/>
    <mergeCell ref="B27:B28"/>
    <mergeCell ref="C27:C28"/>
    <mergeCell ref="A32:A33"/>
    <mergeCell ref="B32:B33"/>
    <mergeCell ref="C32:C33"/>
    <mergeCell ref="A36:A37"/>
    <mergeCell ref="B36:B37"/>
    <mergeCell ref="C36:C37"/>
    <mergeCell ref="A47:A48"/>
    <mergeCell ref="B47:B48"/>
    <mergeCell ref="C47:C48"/>
    <mergeCell ref="D47:D48"/>
    <mergeCell ref="E47:E48"/>
    <mergeCell ref="F52:F53"/>
    <mergeCell ref="A68:A69"/>
    <mergeCell ref="B68:B69"/>
    <mergeCell ref="C68:C69"/>
    <mergeCell ref="D68:E68"/>
    <mergeCell ref="A52:A53"/>
    <mergeCell ref="B52:B53"/>
    <mergeCell ref="C52:C53"/>
    <mergeCell ref="D52:D53"/>
    <mergeCell ref="E52:E53"/>
    <mergeCell ref="A75:A76"/>
    <mergeCell ref="B75:B76"/>
    <mergeCell ref="C75:C76"/>
    <mergeCell ref="D75:D76"/>
    <mergeCell ref="A80:A81"/>
    <mergeCell ref="B80:B81"/>
    <mergeCell ref="C80:C81"/>
    <mergeCell ref="D80:D81"/>
    <mergeCell ref="E80:E81"/>
    <mergeCell ref="F80:F81"/>
    <mergeCell ref="A91:A92"/>
    <mergeCell ref="B91:B92"/>
    <mergeCell ref="C91:C92"/>
    <mergeCell ref="D91:D92"/>
    <mergeCell ref="A96:A97"/>
    <mergeCell ref="B96:B97"/>
    <mergeCell ref="C96:C97"/>
    <mergeCell ref="D96:E96"/>
    <mergeCell ref="A100:A101"/>
    <mergeCell ref="B100:B101"/>
    <mergeCell ref="C100:C101"/>
  </mergeCells>
  <pageMargins left="0.7" right="0.7" top="0.75" bottom="0.75" header="0.3" footer="0.3"/>
  <pageSetup paperSize="9" scale="78" fitToHeight="0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L209"/>
  <sheetViews>
    <sheetView showGridLines="0" workbookViewId="0"/>
  </sheetViews>
  <sheetFormatPr defaultRowHeight="15" x14ac:dyDescent="0.25"/>
  <sheetData>
    <row r="3" spans="1:12" x14ac:dyDescent="0.25">
      <c r="A3" s="14" t="s">
        <v>0</v>
      </c>
      <c r="B3" s="13"/>
      <c r="C3" s="13"/>
      <c r="D3" s="13"/>
      <c r="E3" s="13"/>
      <c r="F3" s="13"/>
      <c r="G3" s="13"/>
      <c r="H3" s="13"/>
      <c r="I3" s="13"/>
      <c r="J3" s="13"/>
      <c r="K3" s="13"/>
      <c r="L3" s="13"/>
    </row>
    <row r="4" spans="1:12" x14ac:dyDescent="0.25">
      <c r="A4" s="14" t="s">
        <v>1</v>
      </c>
      <c r="B4" s="13"/>
      <c r="C4" s="13"/>
      <c r="D4" s="13"/>
      <c r="E4" s="13"/>
      <c r="F4" s="13"/>
      <c r="G4" s="13"/>
      <c r="H4" s="13"/>
      <c r="I4" s="13"/>
      <c r="J4" s="13"/>
      <c r="K4" s="13"/>
      <c r="L4" s="13"/>
    </row>
    <row r="5" spans="1:12" x14ac:dyDescent="0.25">
      <c r="A5" s="15" t="s">
        <v>629</v>
      </c>
      <c r="B5" s="13"/>
      <c r="C5" s="13"/>
      <c r="D5" s="13"/>
      <c r="E5" s="13"/>
      <c r="F5" s="13"/>
      <c r="G5" s="13"/>
      <c r="H5" s="13"/>
      <c r="I5" s="13"/>
      <c r="J5" s="13"/>
      <c r="K5" s="13"/>
      <c r="L5" s="13"/>
    </row>
    <row r="6" spans="1:12" x14ac:dyDescent="0.25">
      <c r="A6" s="14" t="s">
        <v>3</v>
      </c>
      <c r="B6" s="13"/>
      <c r="C6" s="13"/>
      <c r="D6" s="13"/>
      <c r="E6" s="13"/>
      <c r="F6" s="13"/>
      <c r="G6" s="13"/>
      <c r="H6" s="13"/>
      <c r="I6" s="13"/>
      <c r="J6" s="13"/>
      <c r="K6" s="13"/>
      <c r="L6" s="13"/>
    </row>
    <row r="7" spans="1:12" x14ac:dyDescent="0.25">
      <c r="A7" s="14" t="s">
        <v>4</v>
      </c>
      <c r="B7" s="13"/>
      <c r="C7" s="13"/>
      <c r="D7" s="13"/>
      <c r="E7" s="13"/>
      <c r="F7" s="13"/>
      <c r="G7" s="13"/>
      <c r="H7" s="13"/>
      <c r="I7" s="13"/>
      <c r="J7" s="13"/>
      <c r="K7" s="13"/>
      <c r="L7" s="13"/>
    </row>
    <row r="9" spans="1:12" x14ac:dyDescent="0.25">
      <c r="A9" s="12" t="s">
        <v>630</v>
      </c>
      <c r="B9" s="13"/>
      <c r="C9" s="13"/>
      <c r="D9" s="13"/>
      <c r="E9" s="13"/>
      <c r="F9" s="13"/>
      <c r="G9" s="13"/>
      <c r="H9" s="13"/>
      <c r="I9" s="13"/>
      <c r="J9" s="13"/>
      <c r="K9" s="13"/>
      <c r="L9" s="13"/>
    </row>
    <row r="10" spans="1:12" x14ac:dyDescent="0.25">
      <c r="A10" s="11" t="s">
        <v>6</v>
      </c>
      <c r="B10" s="11" t="s">
        <v>631</v>
      </c>
      <c r="C10" s="11" t="s">
        <v>632</v>
      </c>
      <c r="D10" s="11" t="s">
        <v>633</v>
      </c>
      <c r="E10" s="11" t="s">
        <v>318</v>
      </c>
      <c r="F10" s="11" t="s">
        <v>7</v>
      </c>
      <c r="G10" s="11" t="s">
        <v>7</v>
      </c>
      <c r="H10" s="11" t="s">
        <v>636</v>
      </c>
      <c r="I10" s="11" t="s">
        <v>322</v>
      </c>
      <c r="J10" s="11" t="s">
        <v>7</v>
      </c>
      <c r="K10" s="11" t="s">
        <v>7</v>
      </c>
      <c r="L10" s="11" t="s">
        <v>639</v>
      </c>
    </row>
    <row r="11" spans="1:12" ht="31.5" x14ac:dyDescent="0.25">
      <c r="A11" s="11" t="s">
        <v>7</v>
      </c>
      <c r="B11" s="11" t="s">
        <v>7</v>
      </c>
      <c r="C11" s="11" t="s">
        <v>7</v>
      </c>
      <c r="D11" s="11" t="s">
        <v>7</v>
      </c>
      <c r="E11" s="1" t="s">
        <v>319</v>
      </c>
      <c r="F11" s="1" t="s">
        <v>634</v>
      </c>
      <c r="G11" s="1" t="s">
        <v>635</v>
      </c>
      <c r="H11" s="11" t="s">
        <v>7</v>
      </c>
      <c r="I11" s="1" t="s">
        <v>319</v>
      </c>
      <c r="J11" s="1" t="s">
        <v>637</v>
      </c>
      <c r="K11" s="1" t="s">
        <v>638</v>
      </c>
      <c r="L11" s="11" t="s">
        <v>7</v>
      </c>
    </row>
    <row r="12" spans="1:12" x14ac:dyDescent="0.25">
      <c r="A12" s="5" t="s">
        <v>17</v>
      </c>
      <c r="B12" s="7" t="s">
        <v>640</v>
      </c>
      <c r="C12" s="3" t="s">
        <v>328</v>
      </c>
      <c r="D12" s="3" t="s">
        <v>329</v>
      </c>
      <c r="E12" s="3" t="s">
        <v>330</v>
      </c>
      <c r="F12" s="3" t="s">
        <v>330</v>
      </c>
      <c r="G12" s="3" t="s">
        <v>641</v>
      </c>
      <c r="H12" s="3" t="s">
        <v>331</v>
      </c>
      <c r="I12" s="3" t="s">
        <v>332</v>
      </c>
      <c r="J12" s="3" t="s">
        <v>332</v>
      </c>
      <c r="K12" s="3" t="s">
        <v>642</v>
      </c>
      <c r="L12" s="3" t="s">
        <v>333</v>
      </c>
    </row>
    <row r="13" spans="1:12" x14ac:dyDescent="0.25">
      <c r="A13" s="5" t="s">
        <v>24</v>
      </c>
      <c r="B13" s="7" t="s">
        <v>643</v>
      </c>
      <c r="C13" s="3" t="s">
        <v>644</v>
      </c>
      <c r="D13" s="3" t="s">
        <v>645</v>
      </c>
      <c r="E13" s="3" t="s">
        <v>646</v>
      </c>
      <c r="F13" s="3" t="s">
        <v>646</v>
      </c>
      <c r="G13" s="3" t="s">
        <v>647</v>
      </c>
      <c r="H13" s="3" t="s">
        <v>648</v>
      </c>
      <c r="I13" s="3" t="s">
        <v>649</v>
      </c>
      <c r="J13" s="3" t="s">
        <v>649</v>
      </c>
      <c r="K13" s="3" t="s">
        <v>245</v>
      </c>
      <c r="L13" s="3" t="s">
        <v>650</v>
      </c>
    </row>
    <row r="14" spans="1:12" x14ac:dyDescent="0.25">
      <c r="A14" s="4" t="s">
        <v>31</v>
      </c>
      <c r="B14" s="6" t="s">
        <v>651</v>
      </c>
      <c r="C14" s="2" t="s">
        <v>652</v>
      </c>
      <c r="D14" s="2" t="s">
        <v>653</v>
      </c>
      <c r="E14" s="2" t="s">
        <v>654</v>
      </c>
      <c r="F14" s="2" t="s">
        <v>654</v>
      </c>
      <c r="G14" s="2" t="s">
        <v>655</v>
      </c>
      <c r="H14" s="2" t="s">
        <v>656</v>
      </c>
      <c r="I14" s="2" t="s">
        <v>657</v>
      </c>
      <c r="J14" s="2" t="s">
        <v>657</v>
      </c>
      <c r="K14" s="2" t="s">
        <v>658</v>
      </c>
      <c r="L14" s="2" t="s">
        <v>659</v>
      </c>
    </row>
    <row r="15" spans="1:12" x14ac:dyDescent="0.25">
      <c r="A15" s="4" t="s">
        <v>37</v>
      </c>
      <c r="B15" s="6" t="s">
        <v>660</v>
      </c>
      <c r="C15" s="2" t="s">
        <v>661</v>
      </c>
      <c r="D15" s="2" t="s">
        <v>661</v>
      </c>
      <c r="E15" s="2" t="s">
        <v>662</v>
      </c>
      <c r="F15" s="2" t="s">
        <v>662</v>
      </c>
      <c r="G15" s="2" t="s">
        <v>663</v>
      </c>
      <c r="H15" s="2" t="s">
        <v>664</v>
      </c>
      <c r="I15" s="2" t="s">
        <v>665</v>
      </c>
      <c r="J15" s="2" t="s">
        <v>665</v>
      </c>
      <c r="K15" s="2" t="s">
        <v>666</v>
      </c>
      <c r="L15" s="2" t="s">
        <v>667</v>
      </c>
    </row>
    <row r="16" spans="1:12" x14ac:dyDescent="0.25">
      <c r="A16" s="5" t="s">
        <v>43</v>
      </c>
      <c r="B16" s="7" t="s">
        <v>668</v>
      </c>
      <c r="C16" s="3" t="s">
        <v>669</v>
      </c>
      <c r="D16" s="3" t="s">
        <v>670</v>
      </c>
      <c r="E16" s="3" t="s">
        <v>671</v>
      </c>
      <c r="F16" s="3" t="s">
        <v>671</v>
      </c>
      <c r="G16" s="3" t="s">
        <v>672</v>
      </c>
      <c r="H16" s="3" t="s">
        <v>673</v>
      </c>
      <c r="I16" s="3" t="s">
        <v>674</v>
      </c>
      <c r="J16" s="3" t="s">
        <v>674</v>
      </c>
      <c r="K16" s="3" t="s">
        <v>675</v>
      </c>
      <c r="L16" s="3" t="s">
        <v>676</v>
      </c>
    </row>
    <row r="17" spans="1:12" x14ac:dyDescent="0.25">
      <c r="A17" s="4" t="s">
        <v>49</v>
      </c>
      <c r="B17" s="6" t="s">
        <v>677</v>
      </c>
      <c r="C17" s="2" t="s">
        <v>678</v>
      </c>
      <c r="D17" s="2" t="s">
        <v>679</v>
      </c>
      <c r="E17" s="2" t="s">
        <v>680</v>
      </c>
      <c r="F17" s="2" t="s">
        <v>680</v>
      </c>
      <c r="G17" s="2" t="s">
        <v>681</v>
      </c>
      <c r="H17" s="2" t="s">
        <v>682</v>
      </c>
      <c r="I17" s="2" t="s">
        <v>683</v>
      </c>
      <c r="J17" s="2" t="s">
        <v>683</v>
      </c>
      <c r="K17" s="2" t="s">
        <v>684</v>
      </c>
      <c r="L17" s="2" t="s">
        <v>685</v>
      </c>
    </row>
    <row r="18" spans="1:12" x14ac:dyDescent="0.25">
      <c r="A18" s="4" t="s">
        <v>52</v>
      </c>
      <c r="B18" s="6" t="s">
        <v>686</v>
      </c>
      <c r="C18" s="2" t="s">
        <v>687</v>
      </c>
      <c r="D18" s="2" t="s">
        <v>688</v>
      </c>
      <c r="E18" s="2" t="s">
        <v>689</v>
      </c>
      <c r="F18" s="2" t="s">
        <v>689</v>
      </c>
      <c r="G18" s="2" t="s">
        <v>690</v>
      </c>
      <c r="H18" s="2" t="s">
        <v>691</v>
      </c>
      <c r="I18" s="2" t="s">
        <v>692</v>
      </c>
      <c r="J18" s="2" t="s">
        <v>692</v>
      </c>
      <c r="K18" s="2" t="s">
        <v>693</v>
      </c>
      <c r="L18" s="2" t="s">
        <v>694</v>
      </c>
    </row>
    <row r="19" spans="1:12" x14ac:dyDescent="0.25">
      <c r="A19" s="4" t="s">
        <v>59</v>
      </c>
      <c r="B19" s="6" t="s">
        <v>695</v>
      </c>
      <c r="C19" s="2" t="s">
        <v>696</v>
      </c>
      <c r="D19" s="2" t="s">
        <v>696</v>
      </c>
      <c r="E19" s="2" t="s">
        <v>697</v>
      </c>
      <c r="F19" s="2" t="s">
        <v>697</v>
      </c>
      <c r="G19" s="2" t="s">
        <v>698</v>
      </c>
      <c r="H19" s="2" t="s">
        <v>699</v>
      </c>
      <c r="I19" s="2" t="s">
        <v>700</v>
      </c>
      <c r="J19" s="2" t="s">
        <v>700</v>
      </c>
      <c r="K19" s="2" t="s">
        <v>701</v>
      </c>
      <c r="L19" s="2" t="s">
        <v>702</v>
      </c>
    </row>
    <row r="20" spans="1:12" x14ac:dyDescent="0.25">
      <c r="A20" s="4" t="s">
        <v>61</v>
      </c>
      <c r="B20" s="6" t="s">
        <v>703</v>
      </c>
      <c r="C20" s="2" t="s">
        <v>704</v>
      </c>
      <c r="D20" s="2" t="s">
        <v>704</v>
      </c>
      <c r="E20" s="2" t="s">
        <v>705</v>
      </c>
      <c r="F20" s="2" t="s">
        <v>705</v>
      </c>
      <c r="G20" s="2" t="s">
        <v>706</v>
      </c>
      <c r="H20" s="2" t="s">
        <v>707</v>
      </c>
      <c r="I20" s="2" t="s">
        <v>708</v>
      </c>
      <c r="J20" s="2" t="s">
        <v>708</v>
      </c>
      <c r="K20" s="2" t="s">
        <v>709</v>
      </c>
      <c r="L20" s="2" t="s">
        <v>710</v>
      </c>
    </row>
    <row r="21" spans="1:12" x14ac:dyDescent="0.25">
      <c r="A21" s="4" t="s">
        <v>63</v>
      </c>
      <c r="B21" s="6" t="s">
        <v>711</v>
      </c>
      <c r="C21" s="2" t="s">
        <v>712</v>
      </c>
      <c r="D21" s="2" t="s">
        <v>712</v>
      </c>
      <c r="E21" s="2" t="s">
        <v>713</v>
      </c>
      <c r="F21" s="2" t="s">
        <v>713</v>
      </c>
      <c r="G21" s="2" t="s">
        <v>714</v>
      </c>
      <c r="H21" s="2" t="s">
        <v>715</v>
      </c>
      <c r="I21" s="2" t="s">
        <v>716</v>
      </c>
      <c r="J21" s="2" t="s">
        <v>716</v>
      </c>
      <c r="K21" s="2" t="s">
        <v>709</v>
      </c>
      <c r="L21" s="2" t="s">
        <v>717</v>
      </c>
    </row>
    <row r="22" spans="1:12" x14ac:dyDescent="0.25">
      <c r="A22" s="4" t="s">
        <v>65</v>
      </c>
      <c r="B22" s="6" t="s">
        <v>718</v>
      </c>
      <c r="C22" s="2" t="s">
        <v>719</v>
      </c>
      <c r="D22" s="2" t="s">
        <v>719</v>
      </c>
      <c r="E22" s="2" t="s">
        <v>719</v>
      </c>
      <c r="F22" s="2" t="s">
        <v>719</v>
      </c>
      <c r="G22" s="2" t="s">
        <v>714</v>
      </c>
      <c r="H22" s="2" t="s">
        <v>51</v>
      </c>
      <c r="I22" s="2" t="s">
        <v>720</v>
      </c>
      <c r="J22" s="2" t="s">
        <v>720</v>
      </c>
      <c r="K22" s="2" t="s">
        <v>709</v>
      </c>
      <c r="L22" s="2" t="s">
        <v>721</v>
      </c>
    </row>
    <row r="23" spans="1:12" x14ac:dyDescent="0.25">
      <c r="A23" s="5" t="s">
        <v>67</v>
      </c>
      <c r="B23" s="7" t="s">
        <v>722</v>
      </c>
      <c r="C23" s="3" t="s">
        <v>723</v>
      </c>
      <c r="D23" s="3" t="s">
        <v>724</v>
      </c>
      <c r="E23" s="3" t="s">
        <v>725</v>
      </c>
      <c r="F23" s="3" t="s">
        <v>725</v>
      </c>
      <c r="G23" s="3" t="s">
        <v>726</v>
      </c>
      <c r="H23" s="3" t="s">
        <v>727</v>
      </c>
      <c r="I23" s="3" t="s">
        <v>728</v>
      </c>
      <c r="J23" s="3" t="s">
        <v>728</v>
      </c>
      <c r="K23" s="3" t="s">
        <v>729</v>
      </c>
      <c r="L23" s="3" t="s">
        <v>730</v>
      </c>
    </row>
    <row r="24" spans="1:12" x14ac:dyDescent="0.25">
      <c r="A24" s="4" t="s">
        <v>73</v>
      </c>
      <c r="B24" s="6" t="s">
        <v>731</v>
      </c>
      <c r="C24" s="2" t="s">
        <v>732</v>
      </c>
      <c r="D24" s="2" t="s">
        <v>733</v>
      </c>
      <c r="E24" s="2" t="s">
        <v>734</v>
      </c>
      <c r="F24" s="2" t="s">
        <v>734</v>
      </c>
      <c r="G24" s="2" t="s">
        <v>735</v>
      </c>
      <c r="H24" s="2" t="s">
        <v>736</v>
      </c>
      <c r="I24" s="2" t="s">
        <v>737</v>
      </c>
      <c r="J24" s="2" t="s">
        <v>737</v>
      </c>
      <c r="K24" s="2" t="s">
        <v>738</v>
      </c>
      <c r="L24" s="2" t="s">
        <v>739</v>
      </c>
    </row>
    <row r="25" spans="1:12" x14ac:dyDescent="0.25">
      <c r="A25" s="4" t="s">
        <v>79</v>
      </c>
      <c r="B25" s="6" t="s">
        <v>740</v>
      </c>
      <c r="C25" s="2" t="s">
        <v>741</v>
      </c>
      <c r="D25" s="2" t="s">
        <v>742</v>
      </c>
      <c r="E25" s="2" t="s">
        <v>743</v>
      </c>
      <c r="F25" s="2" t="s">
        <v>743</v>
      </c>
      <c r="G25" s="2" t="s">
        <v>744</v>
      </c>
      <c r="H25" s="2" t="s">
        <v>745</v>
      </c>
      <c r="I25" s="2" t="s">
        <v>746</v>
      </c>
      <c r="J25" s="2" t="s">
        <v>746</v>
      </c>
      <c r="K25" s="2" t="s">
        <v>747</v>
      </c>
      <c r="L25" s="2" t="s">
        <v>748</v>
      </c>
    </row>
    <row r="26" spans="1:12" x14ac:dyDescent="0.25">
      <c r="A26" s="4" t="s">
        <v>85</v>
      </c>
      <c r="B26" s="6" t="s">
        <v>686</v>
      </c>
      <c r="C26" s="2" t="s">
        <v>749</v>
      </c>
      <c r="D26" s="2" t="s">
        <v>749</v>
      </c>
      <c r="E26" s="2" t="s">
        <v>750</v>
      </c>
      <c r="F26" s="2" t="s">
        <v>750</v>
      </c>
      <c r="G26" s="2" t="s">
        <v>751</v>
      </c>
      <c r="H26" s="2" t="s">
        <v>752</v>
      </c>
      <c r="I26" s="2" t="s">
        <v>753</v>
      </c>
      <c r="J26" s="2" t="s">
        <v>753</v>
      </c>
      <c r="K26" s="2" t="s">
        <v>706</v>
      </c>
      <c r="L26" s="2" t="s">
        <v>754</v>
      </c>
    </row>
    <row r="27" spans="1:12" x14ac:dyDescent="0.25">
      <c r="A27" s="4" t="s">
        <v>87</v>
      </c>
      <c r="B27" s="6" t="s">
        <v>703</v>
      </c>
      <c r="C27" s="2" t="s">
        <v>755</v>
      </c>
      <c r="D27" s="2" t="s">
        <v>755</v>
      </c>
      <c r="E27" s="2" t="s">
        <v>756</v>
      </c>
      <c r="F27" s="2" t="s">
        <v>756</v>
      </c>
      <c r="G27" s="2" t="s">
        <v>222</v>
      </c>
      <c r="H27" s="2" t="s">
        <v>757</v>
      </c>
      <c r="I27" s="2" t="s">
        <v>758</v>
      </c>
      <c r="J27" s="2" t="s">
        <v>758</v>
      </c>
      <c r="K27" s="2" t="s">
        <v>759</v>
      </c>
      <c r="L27" s="2" t="s">
        <v>760</v>
      </c>
    </row>
    <row r="28" spans="1:12" x14ac:dyDescent="0.25">
      <c r="A28" s="4" t="s">
        <v>93</v>
      </c>
      <c r="B28" s="6" t="s">
        <v>761</v>
      </c>
      <c r="C28" s="2" t="s">
        <v>762</v>
      </c>
      <c r="D28" s="2" t="s">
        <v>763</v>
      </c>
      <c r="E28" s="2" t="s">
        <v>764</v>
      </c>
      <c r="F28" s="2" t="s">
        <v>764</v>
      </c>
      <c r="G28" s="2" t="s">
        <v>765</v>
      </c>
      <c r="H28" s="2" t="s">
        <v>766</v>
      </c>
      <c r="I28" s="2" t="s">
        <v>767</v>
      </c>
      <c r="J28" s="2" t="s">
        <v>767</v>
      </c>
      <c r="K28" s="2" t="s">
        <v>768</v>
      </c>
      <c r="L28" s="2" t="s">
        <v>769</v>
      </c>
    </row>
    <row r="29" spans="1:12" x14ac:dyDescent="0.25">
      <c r="A29" s="4" t="s">
        <v>95</v>
      </c>
      <c r="B29" s="6" t="s">
        <v>718</v>
      </c>
      <c r="C29" s="2" t="s">
        <v>770</v>
      </c>
      <c r="D29" s="2" t="s">
        <v>770</v>
      </c>
      <c r="E29" s="2" t="s">
        <v>771</v>
      </c>
      <c r="F29" s="2" t="s">
        <v>771</v>
      </c>
      <c r="G29" s="2" t="s">
        <v>772</v>
      </c>
      <c r="H29" s="2" t="s">
        <v>773</v>
      </c>
      <c r="I29" s="2" t="s">
        <v>774</v>
      </c>
      <c r="J29" s="2" t="s">
        <v>774</v>
      </c>
      <c r="K29" s="2" t="s">
        <v>775</v>
      </c>
      <c r="L29" s="2" t="s">
        <v>776</v>
      </c>
    </row>
    <row r="30" spans="1:12" x14ac:dyDescent="0.25">
      <c r="A30" s="5" t="s">
        <v>101</v>
      </c>
      <c r="B30" s="7" t="s">
        <v>777</v>
      </c>
      <c r="C30" s="3" t="s">
        <v>778</v>
      </c>
      <c r="D30" s="3" t="s">
        <v>779</v>
      </c>
      <c r="E30" s="3" t="s">
        <v>780</v>
      </c>
      <c r="F30" s="3" t="s">
        <v>780</v>
      </c>
      <c r="G30" s="3" t="s">
        <v>781</v>
      </c>
      <c r="H30" s="3" t="s">
        <v>782</v>
      </c>
      <c r="I30" s="3" t="s">
        <v>783</v>
      </c>
      <c r="J30" s="3" t="s">
        <v>783</v>
      </c>
      <c r="K30" s="3" t="s">
        <v>784</v>
      </c>
      <c r="L30" s="3" t="s">
        <v>785</v>
      </c>
    </row>
    <row r="31" spans="1:12" x14ac:dyDescent="0.25">
      <c r="A31" s="4" t="s">
        <v>103</v>
      </c>
      <c r="B31" s="6" t="s">
        <v>686</v>
      </c>
      <c r="C31" s="2" t="s">
        <v>786</v>
      </c>
      <c r="D31" s="2" t="s">
        <v>787</v>
      </c>
      <c r="E31" s="2" t="s">
        <v>788</v>
      </c>
      <c r="F31" s="2" t="s">
        <v>788</v>
      </c>
      <c r="G31" s="2" t="s">
        <v>789</v>
      </c>
      <c r="H31" s="2" t="s">
        <v>790</v>
      </c>
      <c r="I31" s="2" t="s">
        <v>791</v>
      </c>
      <c r="J31" s="2" t="s">
        <v>791</v>
      </c>
      <c r="K31" s="2" t="s">
        <v>792</v>
      </c>
      <c r="L31" s="2" t="s">
        <v>793</v>
      </c>
    </row>
    <row r="32" spans="1:12" x14ac:dyDescent="0.25">
      <c r="A32" s="4" t="s">
        <v>105</v>
      </c>
      <c r="B32" s="6" t="s">
        <v>794</v>
      </c>
      <c r="C32" s="2" t="s">
        <v>795</v>
      </c>
      <c r="D32" s="2" t="s">
        <v>796</v>
      </c>
      <c r="E32" s="2" t="s">
        <v>797</v>
      </c>
      <c r="F32" s="2" t="s">
        <v>797</v>
      </c>
      <c r="G32" s="2" t="s">
        <v>798</v>
      </c>
      <c r="H32" s="2" t="s">
        <v>799</v>
      </c>
      <c r="I32" s="2" t="s">
        <v>800</v>
      </c>
      <c r="J32" s="2" t="s">
        <v>800</v>
      </c>
      <c r="K32" s="2" t="s">
        <v>801</v>
      </c>
      <c r="L32" s="2" t="s">
        <v>802</v>
      </c>
    </row>
    <row r="33" spans="1:12" x14ac:dyDescent="0.25">
      <c r="A33" s="4" t="s">
        <v>107</v>
      </c>
      <c r="B33" s="6" t="s">
        <v>803</v>
      </c>
      <c r="C33" s="2" t="s">
        <v>804</v>
      </c>
      <c r="D33" s="2" t="s">
        <v>805</v>
      </c>
      <c r="E33" s="2" t="s">
        <v>806</v>
      </c>
      <c r="F33" s="2" t="s">
        <v>806</v>
      </c>
      <c r="G33" s="2" t="s">
        <v>222</v>
      </c>
      <c r="H33" s="2" t="s">
        <v>807</v>
      </c>
      <c r="I33" s="2" t="s">
        <v>808</v>
      </c>
      <c r="J33" s="2" t="s">
        <v>808</v>
      </c>
      <c r="K33" s="2" t="s">
        <v>759</v>
      </c>
      <c r="L33" s="2" t="s">
        <v>809</v>
      </c>
    </row>
    <row r="34" spans="1:12" x14ac:dyDescent="0.25">
      <c r="A34" s="4" t="s">
        <v>113</v>
      </c>
      <c r="B34" s="6" t="s">
        <v>810</v>
      </c>
      <c r="C34" s="2" t="s">
        <v>811</v>
      </c>
      <c r="D34" s="2" t="s">
        <v>811</v>
      </c>
      <c r="E34" s="2" t="s">
        <v>812</v>
      </c>
      <c r="F34" s="2" t="s">
        <v>812</v>
      </c>
      <c r="G34" s="2" t="s">
        <v>51</v>
      </c>
      <c r="H34" s="2" t="s">
        <v>813</v>
      </c>
      <c r="I34" s="2" t="s">
        <v>51</v>
      </c>
      <c r="J34" s="2" t="s">
        <v>51</v>
      </c>
      <c r="K34" s="2" t="s">
        <v>51</v>
      </c>
      <c r="L34" s="2" t="s">
        <v>811</v>
      </c>
    </row>
    <row r="35" spans="1:12" x14ac:dyDescent="0.25">
      <c r="A35" s="5" t="s">
        <v>119</v>
      </c>
      <c r="B35" s="7" t="s">
        <v>814</v>
      </c>
      <c r="C35" s="3" t="s">
        <v>815</v>
      </c>
      <c r="D35" s="3" t="s">
        <v>816</v>
      </c>
      <c r="E35" s="3" t="s">
        <v>817</v>
      </c>
      <c r="F35" s="3" t="s">
        <v>817</v>
      </c>
      <c r="G35" s="3" t="s">
        <v>818</v>
      </c>
      <c r="H35" s="3" t="s">
        <v>819</v>
      </c>
      <c r="I35" s="3" t="s">
        <v>820</v>
      </c>
      <c r="J35" s="3" t="s">
        <v>820</v>
      </c>
      <c r="K35" s="3" t="s">
        <v>821</v>
      </c>
      <c r="L35" s="3" t="s">
        <v>822</v>
      </c>
    </row>
    <row r="36" spans="1:12" x14ac:dyDescent="0.25">
      <c r="A36" s="4" t="s">
        <v>125</v>
      </c>
      <c r="B36" s="6" t="s">
        <v>823</v>
      </c>
      <c r="C36" s="2" t="s">
        <v>824</v>
      </c>
      <c r="D36" s="2" t="s">
        <v>825</v>
      </c>
      <c r="E36" s="2" t="s">
        <v>826</v>
      </c>
      <c r="F36" s="2" t="s">
        <v>826</v>
      </c>
      <c r="G36" s="2" t="s">
        <v>818</v>
      </c>
      <c r="H36" s="2" t="s">
        <v>827</v>
      </c>
      <c r="I36" s="2" t="s">
        <v>820</v>
      </c>
      <c r="J36" s="2" t="s">
        <v>820</v>
      </c>
      <c r="K36" s="2" t="s">
        <v>821</v>
      </c>
      <c r="L36" s="2" t="s">
        <v>828</v>
      </c>
    </row>
    <row r="37" spans="1:12" x14ac:dyDescent="0.25">
      <c r="A37" s="4" t="s">
        <v>131</v>
      </c>
      <c r="B37" s="6" t="s">
        <v>829</v>
      </c>
      <c r="C37" s="2" t="s">
        <v>830</v>
      </c>
      <c r="D37" s="2" t="s">
        <v>831</v>
      </c>
      <c r="E37" s="2" t="s">
        <v>832</v>
      </c>
      <c r="F37" s="2" t="s">
        <v>832</v>
      </c>
      <c r="G37" s="2" t="s">
        <v>51</v>
      </c>
      <c r="H37" s="2" t="s">
        <v>833</v>
      </c>
      <c r="I37" s="2" t="s">
        <v>51</v>
      </c>
      <c r="J37" s="2" t="s">
        <v>51</v>
      </c>
      <c r="K37" s="2" t="s">
        <v>51</v>
      </c>
      <c r="L37" s="2" t="s">
        <v>831</v>
      </c>
    </row>
    <row r="38" spans="1:12" x14ac:dyDescent="0.25">
      <c r="A38" s="4" t="s">
        <v>133</v>
      </c>
      <c r="B38" s="6" t="s">
        <v>834</v>
      </c>
      <c r="C38" s="2" t="s">
        <v>51</v>
      </c>
      <c r="D38" s="2" t="s">
        <v>51</v>
      </c>
      <c r="E38" s="2" t="s">
        <v>51</v>
      </c>
      <c r="F38" s="2" t="s">
        <v>51</v>
      </c>
      <c r="G38" s="2" t="s">
        <v>51</v>
      </c>
      <c r="H38" s="2" t="s">
        <v>51</v>
      </c>
      <c r="I38" s="2" t="s">
        <v>51</v>
      </c>
      <c r="J38" s="2" t="s">
        <v>51</v>
      </c>
      <c r="K38" s="2" t="s">
        <v>51</v>
      </c>
      <c r="L38" s="2" t="s">
        <v>51</v>
      </c>
    </row>
    <row r="39" spans="1:12" x14ac:dyDescent="0.25">
      <c r="A39" s="5" t="s">
        <v>139</v>
      </c>
      <c r="B39" s="7" t="s">
        <v>835</v>
      </c>
      <c r="C39" s="3" t="s">
        <v>836</v>
      </c>
      <c r="D39" s="3" t="s">
        <v>836</v>
      </c>
      <c r="E39" s="3" t="s">
        <v>837</v>
      </c>
      <c r="F39" s="3" t="s">
        <v>837</v>
      </c>
      <c r="G39" s="3" t="s">
        <v>838</v>
      </c>
      <c r="H39" s="3" t="s">
        <v>839</v>
      </c>
      <c r="I39" s="3" t="s">
        <v>840</v>
      </c>
      <c r="J39" s="3" t="s">
        <v>840</v>
      </c>
      <c r="K39" s="3" t="s">
        <v>841</v>
      </c>
      <c r="L39" s="3" t="s">
        <v>842</v>
      </c>
    </row>
    <row r="40" spans="1:12" x14ac:dyDescent="0.25">
      <c r="A40" s="4" t="s">
        <v>145</v>
      </c>
      <c r="B40" s="6" t="s">
        <v>843</v>
      </c>
      <c r="C40" s="2" t="s">
        <v>844</v>
      </c>
      <c r="D40" s="2" t="s">
        <v>844</v>
      </c>
      <c r="E40" s="2" t="s">
        <v>51</v>
      </c>
      <c r="F40" s="2" t="s">
        <v>51</v>
      </c>
      <c r="G40" s="2" t="s">
        <v>51</v>
      </c>
      <c r="H40" s="2" t="s">
        <v>844</v>
      </c>
      <c r="I40" s="2" t="s">
        <v>51</v>
      </c>
      <c r="J40" s="2" t="s">
        <v>51</v>
      </c>
      <c r="K40" s="2" t="s">
        <v>51</v>
      </c>
      <c r="L40" s="2" t="s">
        <v>844</v>
      </c>
    </row>
    <row r="41" spans="1:12" x14ac:dyDescent="0.25">
      <c r="A41" s="4" t="s">
        <v>151</v>
      </c>
      <c r="B41" s="6" t="s">
        <v>845</v>
      </c>
      <c r="C41" s="2" t="s">
        <v>846</v>
      </c>
      <c r="D41" s="2" t="s">
        <v>846</v>
      </c>
      <c r="E41" s="2" t="s">
        <v>847</v>
      </c>
      <c r="F41" s="2" t="s">
        <v>847</v>
      </c>
      <c r="G41" s="2" t="s">
        <v>848</v>
      </c>
      <c r="H41" s="2" t="s">
        <v>849</v>
      </c>
      <c r="I41" s="2" t="s">
        <v>850</v>
      </c>
      <c r="J41" s="2" t="s">
        <v>850</v>
      </c>
      <c r="K41" s="2" t="s">
        <v>851</v>
      </c>
      <c r="L41" s="2" t="s">
        <v>852</v>
      </c>
    </row>
    <row r="42" spans="1:12" x14ac:dyDescent="0.25">
      <c r="A42" s="4" t="s">
        <v>153</v>
      </c>
      <c r="B42" s="6" t="s">
        <v>853</v>
      </c>
      <c r="C42" s="2" t="s">
        <v>854</v>
      </c>
      <c r="D42" s="2" t="s">
        <v>854</v>
      </c>
      <c r="E42" s="2" t="s">
        <v>855</v>
      </c>
      <c r="F42" s="2" t="s">
        <v>855</v>
      </c>
      <c r="G42" s="2" t="s">
        <v>856</v>
      </c>
      <c r="H42" s="2" t="s">
        <v>857</v>
      </c>
      <c r="I42" s="2" t="s">
        <v>858</v>
      </c>
      <c r="J42" s="2" t="s">
        <v>858</v>
      </c>
      <c r="K42" s="2" t="s">
        <v>751</v>
      </c>
      <c r="L42" s="2" t="s">
        <v>859</v>
      </c>
    </row>
    <row r="43" spans="1:12" x14ac:dyDescent="0.25">
      <c r="A43" s="4" t="s">
        <v>156</v>
      </c>
      <c r="B43" s="6" t="s">
        <v>761</v>
      </c>
      <c r="C43" s="2" t="s">
        <v>860</v>
      </c>
      <c r="D43" s="2" t="s">
        <v>860</v>
      </c>
      <c r="E43" s="2" t="s">
        <v>51</v>
      </c>
      <c r="F43" s="2" t="s">
        <v>51</v>
      </c>
      <c r="G43" s="2" t="s">
        <v>51</v>
      </c>
      <c r="H43" s="2" t="s">
        <v>860</v>
      </c>
      <c r="I43" s="2" t="s">
        <v>51</v>
      </c>
      <c r="J43" s="2" t="s">
        <v>51</v>
      </c>
      <c r="K43" s="2" t="s">
        <v>51</v>
      </c>
      <c r="L43" s="2" t="s">
        <v>860</v>
      </c>
    </row>
    <row r="44" spans="1:12" x14ac:dyDescent="0.25">
      <c r="A44" s="4" t="s">
        <v>162</v>
      </c>
      <c r="B44" s="6" t="s">
        <v>861</v>
      </c>
      <c r="C44" s="2" t="s">
        <v>862</v>
      </c>
      <c r="D44" s="2" t="s">
        <v>862</v>
      </c>
      <c r="E44" s="2" t="s">
        <v>863</v>
      </c>
      <c r="F44" s="2" t="s">
        <v>863</v>
      </c>
      <c r="G44" s="2" t="s">
        <v>51</v>
      </c>
      <c r="H44" s="2" t="s">
        <v>864</v>
      </c>
      <c r="I44" s="2" t="s">
        <v>863</v>
      </c>
      <c r="J44" s="2" t="s">
        <v>863</v>
      </c>
      <c r="K44" s="2" t="s">
        <v>51</v>
      </c>
      <c r="L44" s="2" t="s">
        <v>864</v>
      </c>
    </row>
    <row r="45" spans="1:12" x14ac:dyDescent="0.25">
      <c r="A45" s="5" t="s">
        <v>168</v>
      </c>
      <c r="B45" s="7" t="s">
        <v>865</v>
      </c>
      <c r="C45" s="3" t="s">
        <v>866</v>
      </c>
      <c r="D45" s="3" t="s">
        <v>867</v>
      </c>
      <c r="E45" s="3" t="s">
        <v>868</v>
      </c>
      <c r="F45" s="3" t="s">
        <v>868</v>
      </c>
      <c r="G45" s="3" t="s">
        <v>869</v>
      </c>
      <c r="H45" s="3" t="s">
        <v>870</v>
      </c>
      <c r="I45" s="3" t="s">
        <v>871</v>
      </c>
      <c r="J45" s="3" t="s">
        <v>871</v>
      </c>
      <c r="K45" s="3" t="s">
        <v>872</v>
      </c>
      <c r="L45" s="3" t="s">
        <v>873</v>
      </c>
    </row>
    <row r="46" spans="1:12" x14ac:dyDescent="0.25">
      <c r="A46" s="4" t="s">
        <v>171</v>
      </c>
      <c r="B46" s="6" t="s">
        <v>874</v>
      </c>
      <c r="C46" s="2" t="s">
        <v>866</v>
      </c>
      <c r="D46" s="2" t="s">
        <v>867</v>
      </c>
      <c r="E46" s="2" t="s">
        <v>868</v>
      </c>
      <c r="F46" s="2" t="s">
        <v>868</v>
      </c>
      <c r="G46" s="2" t="s">
        <v>869</v>
      </c>
      <c r="H46" s="2" t="s">
        <v>870</v>
      </c>
      <c r="I46" s="2" t="s">
        <v>871</v>
      </c>
      <c r="J46" s="2" t="s">
        <v>871</v>
      </c>
      <c r="K46" s="2" t="s">
        <v>872</v>
      </c>
      <c r="L46" s="2" t="s">
        <v>873</v>
      </c>
    </row>
    <row r="47" spans="1:12" x14ac:dyDescent="0.25">
      <c r="A47" s="5" t="s">
        <v>173</v>
      </c>
      <c r="B47" s="7" t="s">
        <v>875</v>
      </c>
      <c r="C47" s="3" t="s">
        <v>876</v>
      </c>
      <c r="D47" s="3" t="s">
        <v>877</v>
      </c>
      <c r="E47" s="3" t="s">
        <v>878</v>
      </c>
      <c r="F47" s="3" t="s">
        <v>878</v>
      </c>
      <c r="G47" s="3" t="s">
        <v>879</v>
      </c>
      <c r="H47" s="3" t="s">
        <v>880</v>
      </c>
      <c r="I47" s="3" t="s">
        <v>881</v>
      </c>
      <c r="J47" s="3" t="s">
        <v>881</v>
      </c>
      <c r="K47" s="3" t="s">
        <v>882</v>
      </c>
      <c r="L47" s="3" t="s">
        <v>883</v>
      </c>
    </row>
    <row r="48" spans="1:12" x14ac:dyDescent="0.25">
      <c r="A48" s="4" t="s">
        <v>175</v>
      </c>
      <c r="B48" s="6" t="s">
        <v>884</v>
      </c>
      <c r="C48" s="2" t="s">
        <v>51</v>
      </c>
      <c r="D48" s="2" t="s">
        <v>51</v>
      </c>
      <c r="E48" s="2" t="s">
        <v>51</v>
      </c>
      <c r="F48" s="2" t="s">
        <v>51</v>
      </c>
      <c r="G48" s="2" t="s">
        <v>51</v>
      </c>
      <c r="H48" s="2" t="s">
        <v>51</v>
      </c>
      <c r="I48" s="2" t="s">
        <v>51</v>
      </c>
      <c r="J48" s="2" t="s">
        <v>51</v>
      </c>
      <c r="K48" s="2" t="s">
        <v>51</v>
      </c>
      <c r="L48" s="2" t="s">
        <v>51</v>
      </c>
    </row>
    <row r="49" spans="1:12" x14ac:dyDescent="0.25">
      <c r="A49" s="4" t="s">
        <v>181</v>
      </c>
      <c r="B49" s="6" t="s">
        <v>686</v>
      </c>
      <c r="C49" s="2" t="s">
        <v>885</v>
      </c>
      <c r="D49" s="2" t="s">
        <v>886</v>
      </c>
      <c r="E49" s="2" t="s">
        <v>887</v>
      </c>
      <c r="F49" s="2" t="s">
        <v>887</v>
      </c>
      <c r="G49" s="2" t="s">
        <v>888</v>
      </c>
      <c r="H49" s="2" t="s">
        <v>889</v>
      </c>
      <c r="I49" s="2" t="s">
        <v>890</v>
      </c>
      <c r="J49" s="2" t="s">
        <v>890</v>
      </c>
      <c r="K49" s="2" t="s">
        <v>891</v>
      </c>
      <c r="L49" s="2" t="s">
        <v>892</v>
      </c>
    </row>
    <row r="50" spans="1:12" x14ac:dyDescent="0.25">
      <c r="A50" s="4" t="s">
        <v>187</v>
      </c>
      <c r="B50" s="6" t="s">
        <v>803</v>
      </c>
      <c r="C50" s="2" t="s">
        <v>51</v>
      </c>
      <c r="D50" s="2" t="s">
        <v>51</v>
      </c>
      <c r="E50" s="2" t="s">
        <v>51</v>
      </c>
      <c r="F50" s="2" t="s">
        <v>51</v>
      </c>
      <c r="G50" s="2" t="s">
        <v>51</v>
      </c>
      <c r="H50" s="2" t="s">
        <v>51</v>
      </c>
      <c r="I50" s="2" t="s">
        <v>51</v>
      </c>
      <c r="J50" s="2" t="s">
        <v>51</v>
      </c>
      <c r="K50" s="2" t="s">
        <v>51</v>
      </c>
      <c r="L50" s="2" t="s">
        <v>51</v>
      </c>
    </row>
    <row r="51" spans="1:12" x14ac:dyDescent="0.25">
      <c r="A51" s="4" t="s">
        <v>193</v>
      </c>
      <c r="B51" s="6" t="s">
        <v>703</v>
      </c>
      <c r="C51" s="2" t="s">
        <v>893</v>
      </c>
      <c r="D51" s="2" t="s">
        <v>893</v>
      </c>
      <c r="E51" s="2" t="s">
        <v>894</v>
      </c>
      <c r="F51" s="2" t="s">
        <v>894</v>
      </c>
      <c r="G51" s="2" t="s">
        <v>714</v>
      </c>
      <c r="H51" s="2" t="s">
        <v>895</v>
      </c>
      <c r="I51" s="2" t="s">
        <v>896</v>
      </c>
      <c r="J51" s="2" t="s">
        <v>896</v>
      </c>
      <c r="K51" s="2" t="s">
        <v>51</v>
      </c>
      <c r="L51" s="2" t="s">
        <v>897</v>
      </c>
    </row>
    <row r="52" spans="1:12" x14ac:dyDescent="0.25">
      <c r="A52" s="4" t="s">
        <v>195</v>
      </c>
      <c r="B52" s="6" t="s">
        <v>843</v>
      </c>
      <c r="C52" s="2" t="s">
        <v>51</v>
      </c>
      <c r="D52" s="2" t="s">
        <v>51</v>
      </c>
      <c r="E52" s="2" t="s">
        <v>51</v>
      </c>
      <c r="F52" s="2" t="s">
        <v>51</v>
      </c>
      <c r="G52" s="2" t="s">
        <v>51</v>
      </c>
      <c r="H52" s="2" t="s">
        <v>51</v>
      </c>
      <c r="I52" s="2" t="s">
        <v>51</v>
      </c>
      <c r="J52" s="2" t="s">
        <v>51</v>
      </c>
      <c r="K52" s="2" t="s">
        <v>51</v>
      </c>
      <c r="L52" s="2" t="s">
        <v>51</v>
      </c>
    </row>
    <row r="53" spans="1:12" x14ac:dyDescent="0.25">
      <c r="A53" s="4" t="s">
        <v>201</v>
      </c>
      <c r="B53" s="6" t="s">
        <v>898</v>
      </c>
      <c r="C53" s="2" t="s">
        <v>899</v>
      </c>
      <c r="D53" s="2" t="s">
        <v>899</v>
      </c>
      <c r="E53" s="2" t="s">
        <v>900</v>
      </c>
      <c r="F53" s="2" t="s">
        <v>900</v>
      </c>
      <c r="G53" s="2" t="s">
        <v>901</v>
      </c>
      <c r="H53" s="2" t="s">
        <v>902</v>
      </c>
      <c r="I53" s="2" t="s">
        <v>903</v>
      </c>
      <c r="J53" s="2" t="s">
        <v>903</v>
      </c>
      <c r="K53" s="2" t="s">
        <v>904</v>
      </c>
      <c r="L53" s="2" t="s">
        <v>905</v>
      </c>
    </row>
    <row r="54" spans="1:12" x14ac:dyDescent="0.25">
      <c r="A54" s="4" t="s">
        <v>207</v>
      </c>
      <c r="B54" s="6" t="s">
        <v>906</v>
      </c>
      <c r="C54" s="2" t="s">
        <v>907</v>
      </c>
      <c r="D54" s="2" t="s">
        <v>908</v>
      </c>
      <c r="E54" s="2" t="s">
        <v>909</v>
      </c>
      <c r="F54" s="2" t="s">
        <v>909</v>
      </c>
      <c r="G54" s="2" t="s">
        <v>910</v>
      </c>
      <c r="H54" s="2" t="s">
        <v>911</v>
      </c>
      <c r="I54" s="2" t="s">
        <v>912</v>
      </c>
      <c r="J54" s="2" t="s">
        <v>912</v>
      </c>
      <c r="K54" s="2" t="s">
        <v>913</v>
      </c>
      <c r="L54" s="2" t="s">
        <v>914</v>
      </c>
    </row>
    <row r="55" spans="1:12" x14ac:dyDescent="0.25">
      <c r="A55" s="4" t="s">
        <v>209</v>
      </c>
      <c r="B55" s="6" t="s">
        <v>915</v>
      </c>
      <c r="C55" s="2" t="s">
        <v>916</v>
      </c>
      <c r="D55" s="2" t="s">
        <v>917</v>
      </c>
      <c r="E55" s="2" t="s">
        <v>918</v>
      </c>
      <c r="F55" s="2" t="s">
        <v>918</v>
      </c>
      <c r="G55" s="2" t="s">
        <v>919</v>
      </c>
      <c r="H55" s="2" t="s">
        <v>920</v>
      </c>
      <c r="I55" s="2" t="s">
        <v>921</v>
      </c>
      <c r="J55" s="2" t="s">
        <v>921</v>
      </c>
      <c r="K55" s="2" t="s">
        <v>922</v>
      </c>
      <c r="L55" s="2" t="s">
        <v>923</v>
      </c>
    </row>
    <row r="56" spans="1:12" x14ac:dyDescent="0.25">
      <c r="A56" s="4" t="s">
        <v>211</v>
      </c>
      <c r="B56" s="6" t="s">
        <v>924</v>
      </c>
      <c r="C56" s="2" t="s">
        <v>51</v>
      </c>
      <c r="D56" s="2" t="s">
        <v>51</v>
      </c>
      <c r="E56" s="2" t="s">
        <v>51</v>
      </c>
      <c r="F56" s="2" t="s">
        <v>51</v>
      </c>
      <c r="G56" s="2" t="s">
        <v>51</v>
      </c>
      <c r="H56" s="2" t="s">
        <v>51</v>
      </c>
      <c r="I56" s="2" t="s">
        <v>51</v>
      </c>
      <c r="J56" s="2" t="s">
        <v>51</v>
      </c>
      <c r="K56" s="2" t="s">
        <v>51</v>
      </c>
      <c r="L56" s="2" t="s">
        <v>51</v>
      </c>
    </row>
    <row r="57" spans="1:12" x14ac:dyDescent="0.25">
      <c r="A57" s="4" t="s">
        <v>213</v>
      </c>
      <c r="B57" s="6" t="s">
        <v>925</v>
      </c>
      <c r="C57" s="2" t="s">
        <v>926</v>
      </c>
      <c r="D57" s="2" t="s">
        <v>926</v>
      </c>
      <c r="E57" s="2" t="s">
        <v>927</v>
      </c>
      <c r="F57" s="2" t="s">
        <v>927</v>
      </c>
      <c r="G57" s="2" t="s">
        <v>856</v>
      </c>
      <c r="H57" s="2" t="s">
        <v>928</v>
      </c>
      <c r="I57" s="2" t="s">
        <v>929</v>
      </c>
      <c r="J57" s="2" t="s">
        <v>929</v>
      </c>
      <c r="K57" s="2" t="s">
        <v>709</v>
      </c>
      <c r="L57" s="2" t="s">
        <v>930</v>
      </c>
    </row>
    <row r="58" spans="1:12" x14ac:dyDescent="0.25">
      <c r="A58" s="4" t="s">
        <v>219</v>
      </c>
      <c r="B58" s="6" t="s">
        <v>931</v>
      </c>
      <c r="C58" s="2" t="s">
        <v>51</v>
      </c>
      <c r="D58" s="2" t="s">
        <v>51</v>
      </c>
      <c r="E58" s="2" t="s">
        <v>51</v>
      </c>
      <c r="F58" s="2" t="s">
        <v>51</v>
      </c>
      <c r="G58" s="2" t="s">
        <v>51</v>
      </c>
      <c r="H58" s="2" t="s">
        <v>51</v>
      </c>
      <c r="I58" s="2" t="s">
        <v>51</v>
      </c>
      <c r="J58" s="2" t="s">
        <v>51</v>
      </c>
      <c r="K58" s="2" t="s">
        <v>51</v>
      </c>
      <c r="L58" s="2" t="s">
        <v>51</v>
      </c>
    </row>
    <row r="59" spans="1:12" x14ac:dyDescent="0.25">
      <c r="A59" s="4" t="s">
        <v>224</v>
      </c>
      <c r="B59" s="6" t="s">
        <v>932</v>
      </c>
      <c r="C59" s="2" t="s">
        <v>933</v>
      </c>
      <c r="D59" s="2" t="s">
        <v>934</v>
      </c>
      <c r="E59" s="2" t="s">
        <v>935</v>
      </c>
      <c r="F59" s="2" t="s">
        <v>935</v>
      </c>
      <c r="G59" s="2" t="s">
        <v>51</v>
      </c>
      <c r="H59" s="2" t="s">
        <v>936</v>
      </c>
      <c r="I59" s="2" t="s">
        <v>937</v>
      </c>
      <c r="J59" s="2" t="s">
        <v>937</v>
      </c>
      <c r="K59" s="2" t="s">
        <v>51</v>
      </c>
      <c r="L59" s="2" t="s">
        <v>938</v>
      </c>
    </row>
    <row r="60" spans="1:12" x14ac:dyDescent="0.25">
      <c r="A60" s="4" t="s">
        <v>228</v>
      </c>
      <c r="B60" s="6" t="s">
        <v>939</v>
      </c>
      <c r="C60" s="2" t="s">
        <v>51</v>
      </c>
      <c r="D60" s="2" t="s">
        <v>51</v>
      </c>
      <c r="E60" s="2" t="s">
        <v>51</v>
      </c>
      <c r="F60" s="2" t="s">
        <v>51</v>
      </c>
      <c r="G60" s="2" t="s">
        <v>51</v>
      </c>
      <c r="H60" s="2" t="s">
        <v>51</v>
      </c>
      <c r="I60" s="2" t="s">
        <v>51</v>
      </c>
      <c r="J60" s="2" t="s">
        <v>51</v>
      </c>
      <c r="K60" s="2" t="s">
        <v>51</v>
      </c>
      <c r="L60" s="2" t="s">
        <v>51</v>
      </c>
    </row>
    <row r="61" spans="1:12" x14ac:dyDescent="0.25">
      <c r="A61" s="4" t="s">
        <v>230</v>
      </c>
      <c r="B61" s="6" t="s">
        <v>761</v>
      </c>
      <c r="C61" s="2" t="s">
        <v>940</v>
      </c>
      <c r="D61" s="2" t="s">
        <v>940</v>
      </c>
      <c r="E61" s="2" t="s">
        <v>941</v>
      </c>
      <c r="F61" s="2" t="s">
        <v>941</v>
      </c>
      <c r="G61" s="2" t="s">
        <v>51</v>
      </c>
      <c r="H61" s="2" t="s">
        <v>942</v>
      </c>
      <c r="I61" s="2" t="s">
        <v>943</v>
      </c>
      <c r="J61" s="2" t="s">
        <v>943</v>
      </c>
      <c r="K61" s="2" t="s">
        <v>51</v>
      </c>
      <c r="L61" s="2" t="s">
        <v>944</v>
      </c>
    </row>
    <row r="62" spans="1:12" x14ac:dyDescent="0.25">
      <c r="A62" s="4" t="s">
        <v>236</v>
      </c>
      <c r="B62" s="6" t="s">
        <v>945</v>
      </c>
      <c r="C62" s="2" t="s">
        <v>946</v>
      </c>
      <c r="D62" s="2" t="s">
        <v>946</v>
      </c>
      <c r="E62" s="2" t="s">
        <v>947</v>
      </c>
      <c r="F62" s="2" t="s">
        <v>947</v>
      </c>
      <c r="G62" s="2" t="s">
        <v>709</v>
      </c>
      <c r="H62" s="2" t="s">
        <v>948</v>
      </c>
      <c r="I62" s="2" t="s">
        <v>51</v>
      </c>
      <c r="J62" s="2" t="s">
        <v>51</v>
      </c>
      <c r="K62" s="2" t="s">
        <v>51</v>
      </c>
      <c r="L62" s="2" t="s">
        <v>946</v>
      </c>
    </row>
    <row r="63" spans="1:12" x14ac:dyDescent="0.25">
      <c r="A63" s="4" t="s">
        <v>242</v>
      </c>
      <c r="B63" s="6" t="s">
        <v>949</v>
      </c>
      <c r="C63" s="2" t="s">
        <v>51</v>
      </c>
      <c r="D63" s="2" t="s">
        <v>51</v>
      </c>
      <c r="E63" s="2" t="s">
        <v>51</v>
      </c>
      <c r="F63" s="2" t="s">
        <v>51</v>
      </c>
      <c r="G63" s="2" t="s">
        <v>51</v>
      </c>
      <c r="H63" s="2" t="s">
        <v>51</v>
      </c>
      <c r="I63" s="2" t="s">
        <v>51</v>
      </c>
      <c r="J63" s="2" t="s">
        <v>51</v>
      </c>
      <c r="K63" s="2" t="s">
        <v>51</v>
      </c>
      <c r="L63" s="2" t="s">
        <v>51</v>
      </c>
    </row>
    <row r="64" spans="1:12" x14ac:dyDescent="0.25">
      <c r="A64" s="4" t="s">
        <v>247</v>
      </c>
      <c r="B64" s="6" t="s">
        <v>861</v>
      </c>
      <c r="C64" s="2" t="s">
        <v>950</v>
      </c>
      <c r="D64" s="2" t="s">
        <v>950</v>
      </c>
      <c r="E64" s="2" t="s">
        <v>951</v>
      </c>
      <c r="F64" s="2" t="s">
        <v>951</v>
      </c>
      <c r="G64" s="2" t="s">
        <v>709</v>
      </c>
      <c r="H64" s="2" t="s">
        <v>952</v>
      </c>
      <c r="I64" s="2" t="s">
        <v>951</v>
      </c>
      <c r="J64" s="2" t="s">
        <v>951</v>
      </c>
      <c r="K64" s="2" t="s">
        <v>953</v>
      </c>
      <c r="L64" s="2" t="s">
        <v>952</v>
      </c>
    </row>
    <row r="65" spans="1:12" x14ac:dyDescent="0.25">
      <c r="A65" s="5" t="s">
        <v>252</v>
      </c>
      <c r="B65" s="7" t="s">
        <v>954</v>
      </c>
      <c r="C65" s="3" t="s">
        <v>955</v>
      </c>
      <c r="D65" s="3" t="s">
        <v>955</v>
      </c>
      <c r="E65" s="3" t="s">
        <v>956</v>
      </c>
      <c r="F65" s="3" t="s">
        <v>956</v>
      </c>
      <c r="G65" s="3" t="s">
        <v>957</v>
      </c>
      <c r="H65" s="3" t="s">
        <v>958</v>
      </c>
      <c r="I65" s="3" t="s">
        <v>959</v>
      </c>
      <c r="J65" s="3" t="s">
        <v>959</v>
      </c>
      <c r="K65" s="3" t="s">
        <v>222</v>
      </c>
      <c r="L65" s="3" t="s">
        <v>960</v>
      </c>
    </row>
    <row r="66" spans="1:12" x14ac:dyDescent="0.25">
      <c r="A66" s="4" t="s">
        <v>253</v>
      </c>
      <c r="B66" s="6" t="s">
        <v>686</v>
      </c>
      <c r="C66" s="2" t="s">
        <v>961</v>
      </c>
      <c r="D66" s="2" t="s">
        <v>961</v>
      </c>
      <c r="E66" s="2" t="s">
        <v>962</v>
      </c>
      <c r="F66" s="2" t="s">
        <v>962</v>
      </c>
      <c r="G66" s="2" t="s">
        <v>957</v>
      </c>
      <c r="H66" s="2" t="s">
        <v>963</v>
      </c>
      <c r="I66" s="2" t="s">
        <v>964</v>
      </c>
      <c r="J66" s="2" t="s">
        <v>964</v>
      </c>
      <c r="K66" s="2" t="s">
        <v>222</v>
      </c>
      <c r="L66" s="2" t="s">
        <v>965</v>
      </c>
    </row>
    <row r="67" spans="1:12" x14ac:dyDescent="0.25">
      <c r="A67" s="4" t="s">
        <v>258</v>
      </c>
      <c r="B67" s="6" t="s">
        <v>966</v>
      </c>
      <c r="C67" s="2" t="s">
        <v>967</v>
      </c>
      <c r="D67" s="2" t="s">
        <v>967</v>
      </c>
      <c r="E67" s="2" t="s">
        <v>968</v>
      </c>
      <c r="F67" s="2" t="s">
        <v>968</v>
      </c>
      <c r="G67" s="2" t="s">
        <v>51</v>
      </c>
      <c r="H67" s="2" t="s">
        <v>969</v>
      </c>
      <c r="I67" s="2" t="s">
        <v>970</v>
      </c>
      <c r="J67" s="2" t="s">
        <v>970</v>
      </c>
      <c r="K67" s="2" t="s">
        <v>51</v>
      </c>
      <c r="L67" s="2" t="s">
        <v>971</v>
      </c>
    </row>
    <row r="68" spans="1:12" x14ac:dyDescent="0.25">
      <c r="A68" s="4" t="s">
        <v>259</v>
      </c>
      <c r="B68" s="6" t="s">
        <v>861</v>
      </c>
      <c r="C68" s="2" t="s">
        <v>972</v>
      </c>
      <c r="D68" s="2" t="s">
        <v>972</v>
      </c>
      <c r="E68" s="2" t="s">
        <v>973</v>
      </c>
      <c r="F68" s="2" t="s">
        <v>973</v>
      </c>
      <c r="G68" s="2" t="s">
        <v>51</v>
      </c>
      <c r="H68" s="2" t="s">
        <v>974</v>
      </c>
      <c r="I68" s="2" t="s">
        <v>975</v>
      </c>
      <c r="J68" s="2" t="s">
        <v>975</v>
      </c>
      <c r="K68" s="2" t="s">
        <v>51</v>
      </c>
      <c r="L68" s="2" t="s">
        <v>976</v>
      </c>
    </row>
    <row r="69" spans="1:12" x14ac:dyDescent="0.25">
      <c r="A69" s="5" t="s">
        <v>261</v>
      </c>
      <c r="B69" s="7" t="s">
        <v>977</v>
      </c>
      <c r="C69" s="3" t="s">
        <v>978</v>
      </c>
      <c r="D69" s="3" t="s">
        <v>979</v>
      </c>
      <c r="E69" s="3" t="s">
        <v>980</v>
      </c>
      <c r="F69" s="3" t="s">
        <v>980</v>
      </c>
      <c r="G69" s="3" t="s">
        <v>981</v>
      </c>
      <c r="H69" s="3" t="s">
        <v>982</v>
      </c>
      <c r="I69" s="3" t="s">
        <v>983</v>
      </c>
      <c r="J69" s="3" t="s">
        <v>983</v>
      </c>
      <c r="K69" s="3" t="s">
        <v>984</v>
      </c>
      <c r="L69" s="3" t="s">
        <v>985</v>
      </c>
    </row>
    <row r="70" spans="1:12" x14ac:dyDescent="0.25">
      <c r="A70" s="4" t="s">
        <v>263</v>
      </c>
      <c r="B70" s="6" t="s">
        <v>686</v>
      </c>
      <c r="C70" s="2" t="s">
        <v>986</v>
      </c>
      <c r="D70" s="2" t="s">
        <v>987</v>
      </c>
      <c r="E70" s="2" t="s">
        <v>988</v>
      </c>
      <c r="F70" s="2" t="s">
        <v>988</v>
      </c>
      <c r="G70" s="2" t="s">
        <v>989</v>
      </c>
      <c r="H70" s="2" t="s">
        <v>990</v>
      </c>
      <c r="I70" s="2" t="s">
        <v>991</v>
      </c>
      <c r="J70" s="2" t="s">
        <v>991</v>
      </c>
      <c r="K70" s="2" t="s">
        <v>992</v>
      </c>
      <c r="L70" s="2" t="s">
        <v>993</v>
      </c>
    </row>
    <row r="71" spans="1:12" x14ac:dyDescent="0.25">
      <c r="A71" s="4" t="s">
        <v>264</v>
      </c>
      <c r="B71" s="6" t="s">
        <v>994</v>
      </c>
      <c r="C71" s="2" t="s">
        <v>995</v>
      </c>
      <c r="D71" s="2" t="s">
        <v>995</v>
      </c>
      <c r="E71" s="2" t="s">
        <v>996</v>
      </c>
      <c r="F71" s="2" t="s">
        <v>996</v>
      </c>
      <c r="G71" s="2" t="s">
        <v>997</v>
      </c>
      <c r="H71" s="2" t="s">
        <v>998</v>
      </c>
      <c r="I71" s="2" t="s">
        <v>999</v>
      </c>
      <c r="J71" s="2" t="s">
        <v>999</v>
      </c>
      <c r="K71" s="2" t="s">
        <v>709</v>
      </c>
      <c r="L71" s="2" t="s">
        <v>1000</v>
      </c>
    </row>
    <row r="72" spans="1:12" x14ac:dyDescent="0.25">
      <c r="A72" s="4" t="s">
        <v>267</v>
      </c>
      <c r="B72" s="6" t="s">
        <v>1001</v>
      </c>
      <c r="C72" s="2" t="s">
        <v>1002</v>
      </c>
      <c r="D72" s="2" t="s">
        <v>1002</v>
      </c>
      <c r="E72" s="2" t="s">
        <v>1003</v>
      </c>
      <c r="F72" s="2" t="s">
        <v>1003</v>
      </c>
      <c r="G72" s="2" t="s">
        <v>922</v>
      </c>
      <c r="H72" s="2" t="s">
        <v>1004</v>
      </c>
      <c r="I72" s="2" t="s">
        <v>51</v>
      </c>
      <c r="J72" s="2" t="s">
        <v>51</v>
      </c>
      <c r="K72" s="2" t="s">
        <v>51</v>
      </c>
      <c r="L72" s="2" t="s">
        <v>1002</v>
      </c>
    </row>
    <row r="73" spans="1:12" x14ac:dyDescent="0.25">
      <c r="A73" s="4" t="s">
        <v>269</v>
      </c>
      <c r="B73" s="6" t="s">
        <v>939</v>
      </c>
      <c r="C73" s="2" t="s">
        <v>1005</v>
      </c>
      <c r="D73" s="2" t="s">
        <v>1005</v>
      </c>
      <c r="E73" s="2" t="s">
        <v>1006</v>
      </c>
      <c r="F73" s="2" t="s">
        <v>1006</v>
      </c>
      <c r="G73" s="2" t="s">
        <v>1007</v>
      </c>
      <c r="H73" s="2" t="s">
        <v>1008</v>
      </c>
      <c r="I73" s="2" t="s">
        <v>1009</v>
      </c>
      <c r="J73" s="2" t="s">
        <v>1009</v>
      </c>
      <c r="K73" s="2" t="s">
        <v>957</v>
      </c>
      <c r="L73" s="2" t="s">
        <v>1010</v>
      </c>
    </row>
    <row r="74" spans="1:12" x14ac:dyDescent="0.25">
      <c r="A74" s="4" t="s">
        <v>271</v>
      </c>
      <c r="B74" s="6" t="s">
        <v>853</v>
      </c>
      <c r="C74" s="2" t="s">
        <v>1011</v>
      </c>
      <c r="D74" s="2" t="s">
        <v>1012</v>
      </c>
      <c r="E74" s="2" t="s">
        <v>1013</v>
      </c>
      <c r="F74" s="2" t="s">
        <v>1013</v>
      </c>
      <c r="G74" s="2" t="s">
        <v>953</v>
      </c>
      <c r="H74" s="2" t="s">
        <v>1014</v>
      </c>
      <c r="I74" s="2" t="s">
        <v>1015</v>
      </c>
      <c r="J74" s="2" t="s">
        <v>1015</v>
      </c>
      <c r="K74" s="2" t="s">
        <v>953</v>
      </c>
      <c r="L74" s="2" t="s">
        <v>1016</v>
      </c>
    </row>
    <row r="75" spans="1:12" x14ac:dyDescent="0.25">
      <c r="A75" s="4" t="s">
        <v>273</v>
      </c>
      <c r="B75" s="6" t="s">
        <v>1017</v>
      </c>
      <c r="C75" s="2" t="s">
        <v>1018</v>
      </c>
      <c r="D75" s="2" t="s">
        <v>1018</v>
      </c>
      <c r="E75" s="2" t="s">
        <v>51</v>
      </c>
      <c r="F75" s="2" t="s">
        <v>51</v>
      </c>
      <c r="G75" s="2" t="s">
        <v>51</v>
      </c>
      <c r="H75" s="2" t="s">
        <v>1018</v>
      </c>
      <c r="I75" s="2" t="s">
        <v>51</v>
      </c>
      <c r="J75" s="2" t="s">
        <v>51</v>
      </c>
      <c r="K75" s="2" t="s">
        <v>51</v>
      </c>
      <c r="L75" s="2" t="s">
        <v>1018</v>
      </c>
    </row>
    <row r="76" spans="1:12" x14ac:dyDescent="0.25">
      <c r="A76" s="4" t="s">
        <v>275</v>
      </c>
      <c r="B76" s="6" t="s">
        <v>1019</v>
      </c>
      <c r="C76" s="2" t="s">
        <v>1020</v>
      </c>
      <c r="D76" s="2" t="s">
        <v>1020</v>
      </c>
      <c r="E76" s="2" t="s">
        <v>1021</v>
      </c>
      <c r="F76" s="2" t="s">
        <v>1021</v>
      </c>
      <c r="G76" s="2" t="s">
        <v>51</v>
      </c>
      <c r="H76" s="2" t="s">
        <v>1022</v>
      </c>
      <c r="I76" s="2" t="s">
        <v>1023</v>
      </c>
      <c r="J76" s="2" t="s">
        <v>1023</v>
      </c>
      <c r="K76" s="2" t="s">
        <v>51</v>
      </c>
      <c r="L76" s="2" t="s">
        <v>1024</v>
      </c>
    </row>
    <row r="77" spans="1:12" x14ac:dyDescent="0.25">
      <c r="A77" s="4" t="s">
        <v>282</v>
      </c>
      <c r="B77" s="6" t="s">
        <v>1025</v>
      </c>
      <c r="C77" s="2" t="s">
        <v>1026</v>
      </c>
      <c r="D77" s="2" t="s">
        <v>1026</v>
      </c>
      <c r="E77" s="2" t="s">
        <v>1027</v>
      </c>
      <c r="F77" s="2" t="s">
        <v>1027</v>
      </c>
      <c r="G77" s="2" t="s">
        <v>51</v>
      </c>
      <c r="H77" s="2" t="s">
        <v>1028</v>
      </c>
      <c r="I77" s="2" t="s">
        <v>1029</v>
      </c>
      <c r="J77" s="2" t="s">
        <v>1029</v>
      </c>
      <c r="K77" s="2" t="s">
        <v>51</v>
      </c>
      <c r="L77" s="2" t="s">
        <v>1030</v>
      </c>
    </row>
    <row r="78" spans="1:12" x14ac:dyDescent="0.25">
      <c r="A78" s="4" t="s">
        <v>289</v>
      </c>
      <c r="B78" s="6" t="s">
        <v>1031</v>
      </c>
      <c r="C78" s="2" t="s">
        <v>1032</v>
      </c>
      <c r="D78" s="2" t="s">
        <v>1032</v>
      </c>
      <c r="E78" s="2" t="s">
        <v>1033</v>
      </c>
      <c r="F78" s="2" t="s">
        <v>1033</v>
      </c>
      <c r="G78" s="2" t="s">
        <v>1034</v>
      </c>
      <c r="H78" s="2" t="s">
        <v>1035</v>
      </c>
      <c r="I78" s="2" t="s">
        <v>1036</v>
      </c>
      <c r="J78" s="2" t="s">
        <v>1036</v>
      </c>
      <c r="K78" s="2" t="s">
        <v>1037</v>
      </c>
      <c r="L78" s="2" t="s">
        <v>1038</v>
      </c>
    </row>
    <row r="79" spans="1:12" x14ac:dyDescent="0.25">
      <c r="A79" s="4" t="s">
        <v>291</v>
      </c>
      <c r="B79" s="6" t="s">
        <v>1039</v>
      </c>
      <c r="C79" s="2" t="s">
        <v>1040</v>
      </c>
      <c r="D79" s="2" t="s">
        <v>1040</v>
      </c>
      <c r="E79" s="2" t="s">
        <v>1041</v>
      </c>
      <c r="F79" s="2" t="s">
        <v>1041</v>
      </c>
      <c r="G79" s="2" t="s">
        <v>714</v>
      </c>
      <c r="H79" s="2" t="s">
        <v>1042</v>
      </c>
      <c r="I79" s="2" t="s">
        <v>1043</v>
      </c>
      <c r="J79" s="2" t="s">
        <v>1043</v>
      </c>
      <c r="K79" s="2" t="s">
        <v>953</v>
      </c>
      <c r="L79" s="2" t="s">
        <v>1044</v>
      </c>
    </row>
    <row r="80" spans="1:12" x14ac:dyDescent="0.25">
      <c r="A80" s="4" t="s">
        <v>293</v>
      </c>
      <c r="B80" s="6" t="s">
        <v>1045</v>
      </c>
      <c r="C80" s="2" t="s">
        <v>51</v>
      </c>
      <c r="D80" s="2" t="s">
        <v>51</v>
      </c>
      <c r="E80" s="2" t="s">
        <v>51</v>
      </c>
      <c r="F80" s="2" t="s">
        <v>51</v>
      </c>
      <c r="G80" s="2" t="s">
        <v>51</v>
      </c>
      <c r="H80" s="2" t="s">
        <v>51</v>
      </c>
      <c r="I80" s="2" t="s">
        <v>51</v>
      </c>
      <c r="J80" s="2" t="s">
        <v>51</v>
      </c>
      <c r="K80" s="2" t="s">
        <v>51</v>
      </c>
      <c r="L80" s="2" t="s">
        <v>51</v>
      </c>
    </row>
    <row r="81" spans="1:12" x14ac:dyDescent="0.25">
      <c r="A81" s="4" t="s">
        <v>295</v>
      </c>
      <c r="B81" s="6" t="s">
        <v>861</v>
      </c>
      <c r="C81" s="2" t="s">
        <v>1046</v>
      </c>
      <c r="D81" s="2" t="s">
        <v>1046</v>
      </c>
      <c r="E81" s="2" t="s">
        <v>1047</v>
      </c>
      <c r="F81" s="2" t="s">
        <v>1047</v>
      </c>
      <c r="G81" s="2" t="s">
        <v>953</v>
      </c>
      <c r="H81" s="2" t="s">
        <v>1048</v>
      </c>
      <c r="I81" s="2" t="s">
        <v>1049</v>
      </c>
      <c r="J81" s="2" t="s">
        <v>1049</v>
      </c>
      <c r="K81" s="2" t="s">
        <v>706</v>
      </c>
      <c r="L81" s="2" t="s">
        <v>1050</v>
      </c>
    </row>
    <row r="82" spans="1:12" x14ac:dyDescent="0.25">
      <c r="A82" s="5" t="s">
        <v>297</v>
      </c>
      <c r="B82" s="7" t="s">
        <v>1051</v>
      </c>
      <c r="C82" s="3" t="s">
        <v>1052</v>
      </c>
      <c r="D82" s="3" t="s">
        <v>1052</v>
      </c>
      <c r="E82" s="3" t="s">
        <v>1053</v>
      </c>
      <c r="F82" s="3" t="s">
        <v>1053</v>
      </c>
      <c r="G82" s="3" t="s">
        <v>1054</v>
      </c>
      <c r="H82" s="3" t="s">
        <v>1055</v>
      </c>
      <c r="I82" s="3" t="s">
        <v>1056</v>
      </c>
      <c r="J82" s="3" t="s">
        <v>1056</v>
      </c>
      <c r="K82" s="3" t="s">
        <v>1057</v>
      </c>
      <c r="L82" s="3" t="s">
        <v>1058</v>
      </c>
    </row>
    <row r="83" spans="1:12" x14ac:dyDescent="0.25">
      <c r="A83" s="4" t="s">
        <v>299</v>
      </c>
      <c r="B83" s="6" t="s">
        <v>1059</v>
      </c>
      <c r="C83" s="2" t="s">
        <v>1060</v>
      </c>
      <c r="D83" s="2" t="s">
        <v>1060</v>
      </c>
      <c r="E83" s="2" t="s">
        <v>1061</v>
      </c>
      <c r="F83" s="2" t="s">
        <v>1061</v>
      </c>
      <c r="G83" s="2" t="s">
        <v>1054</v>
      </c>
      <c r="H83" s="2" t="s">
        <v>1062</v>
      </c>
      <c r="I83" s="2" t="s">
        <v>1063</v>
      </c>
      <c r="J83" s="2" t="s">
        <v>1063</v>
      </c>
      <c r="K83" s="2" t="s">
        <v>1057</v>
      </c>
      <c r="L83" s="2" t="s">
        <v>1064</v>
      </c>
    </row>
    <row r="84" spans="1:12" x14ac:dyDescent="0.25">
      <c r="A84" s="4" t="s">
        <v>300</v>
      </c>
      <c r="B84" s="6" t="s">
        <v>718</v>
      </c>
      <c r="C84" s="2" t="s">
        <v>1065</v>
      </c>
      <c r="D84" s="2" t="s">
        <v>1065</v>
      </c>
      <c r="E84" s="2" t="s">
        <v>1066</v>
      </c>
      <c r="F84" s="2" t="s">
        <v>1066</v>
      </c>
      <c r="G84" s="2" t="s">
        <v>51</v>
      </c>
      <c r="H84" s="2" t="s">
        <v>1067</v>
      </c>
      <c r="I84" s="2" t="s">
        <v>1068</v>
      </c>
      <c r="J84" s="2" t="s">
        <v>1068</v>
      </c>
      <c r="K84" s="2" t="s">
        <v>51</v>
      </c>
      <c r="L84" s="2" t="s">
        <v>1069</v>
      </c>
    </row>
    <row r="85" spans="1:12" x14ac:dyDescent="0.25">
      <c r="A85" s="5" t="s">
        <v>301</v>
      </c>
      <c r="B85" s="7" t="s">
        <v>1070</v>
      </c>
      <c r="C85" s="3" t="s">
        <v>1071</v>
      </c>
      <c r="D85" s="3" t="s">
        <v>1072</v>
      </c>
      <c r="E85" s="3" t="s">
        <v>1073</v>
      </c>
      <c r="F85" s="3" t="s">
        <v>1073</v>
      </c>
      <c r="G85" s="3" t="s">
        <v>1074</v>
      </c>
      <c r="H85" s="3" t="s">
        <v>1075</v>
      </c>
      <c r="I85" s="3" t="s">
        <v>1076</v>
      </c>
      <c r="J85" s="3" t="s">
        <v>1076</v>
      </c>
      <c r="K85" s="3" t="s">
        <v>1077</v>
      </c>
      <c r="L85" s="3" t="s">
        <v>1078</v>
      </c>
    </row>
    <row r="86" spans="1:12" x14ac:dyDescent="0.25">
      <c r="A86" s="4" t="s">
        <v>303</v>
      </c>
      <c r="B86" s="6" t="s">
        <v>1079</v>
      </c>
      <c r="C86" s="2" t="s">
        <v>1080</v>
      </c>
      <c r="D86" s="2" t="s">
        <v>1081</v>
      </c>
      <c r="E86" s="2" t="s">
        <v>1082</v>
      </c>
      <c r="F86" s="2" t="s">
        <v>1082</v>
      </c>
      <c r="G86" s="2" t="s">
        <v>1083</v>
      </c>
      <c r="H86" s="2" t="s">
        <v>1084</v>
      </c>
      <c r="I86" s="2" t="s">
        <v>1085</v>
      </c>
      <c r="J86" s="2" t="s">
        <v>1085</v>
      </c>
      <c r="K86" s="2" t="s">
        <v>751</v>
      </c>
      <c r="L86" s="2" t="s">
        <v>1086</v>
      </c>
    </row>
    <row r="87" spans="1:12" x14ac:dyDescent="0.25">
      <c r="A87" s="4" t="s">
        <v>305</v>
      </c>
      <c r="B87" s="6" t="s">
        <v>1087</v>
      </c>
      <c r="C87" s="2" t="s">
        <v>1088</v>
      </c>
      <c r="D87" s="2" t="s">
        <v>1089</v>
      </c>
      <c r="E87" s="2" t="s">
        <v>1090</v>
      </c>
      <c r="F87" s="2" t="s">
        <v>1090</v>
      </c>
      <c r="G87" s="2" t="s">
        <v>1091</v>
      </c>
      <c r="H87" s="2" t="s">
        <v>1092</v>
      </c>
      <c r="I87" s="2" t="s">
        <v>1093</v>
      </c>
      <c r="J87" s="2" t="s">
        <v>1093</v>
      </c>
      <c r="K87" s="2" t="s">
        <v>1094</v>
      </c>
      <c r="L87" s="2" t="s">
        <v>1095</v>
      </c>
    </row>
    <row r="88" spans="1:12" x14ac:dyDescent="0.25">
      <c r="A88" s="4" t="s">
        <v>307</v>
      </c>
      <c r="B88" s="6" t="s">
        <v>761</v>
      </c>
      <c r="C88" s="2" t="s">
        <v>1096</v>
      </c>
      <c r="D88" s="2" t="s">
        <v>1096</v>
      </c>
      <c r="E88" s="2" t="s">
        <v>1097</v>
      </c>
      <c r="F88" s="2" t="s">
        <v>1097</v>
      </c>
      <c r="G88" s="2" t="s">
        <v>709</v>
      </c>
      <c r="H88" s="2" t="s">
        <v>1098</v>
      </c>
      <c r="I88" s="2" t="s">
        <v>1099</v>
      </c>
      <c r="J88" s="2" t="s">
        <v>1099</v>
      </c>
      <c r="K88" s="2" t="s">
        <v>709</v>
      </c>
      <c r="L88" s="2" t="s">
        <v>1100</v>
      </c>
    </row>
    <row r="89" spans="1:12" x14ac:dyDescent="0.25">
      <c r="A89" s="4" t="s">
        <v>309</v>
      </c>
      <c r="B89" s="6" t="s">
        <v>1101</v>
      </c>
      <c r="C89" s="2" t="s">
        <v>1102</v>
      </c>
      <c r="D89" s="2" t="s">
        <v>1102</v>
      </c>
      <c r="E89" s="2" t="s">
        <v>51</v>
      </c>
      <c r="F89" s="2" t="s">
        <v>51</v>
      </c>
      <c r="G89" s="2" t="s">
        <v>51</v>
      </c>
      <c r="H89" s="2" t="s">
        <v>1102</v>
      </c>
      <c r="I89" s="2" t="s">
        <v>51</v>
      </c>
      <c r="J89" s="2" t="s">
        <v>51</v>
      </c>
      <c r="K89" s="2" t="s">
        <v>51</v>
      </c>
      <c r="L89" s="2" t="s">
        <v>1102</v>
      </c>
    </row>
    <row r="90" spans="1:12" x14ac:dyDescent="0.25">
      <c r="A90" s="5" t="s">
        <v>311</v>
      </c>
      <c r="B90" s="7" t="s">
        <v>1103</v>
      </c>
      <c r="C90" s="3" t="s">
        <v>1104</v>
      </c>
      <c r="D90" s="3" t="s">
        <v>1105</v>
      </c>
      <c r="E90" s="3" t="s">
        <v>1106</v>
      </c>
      <c r="F90" s="3" t="s">
        <v>1106</v>
      </c>
      <c r="G90" s="3" t="s">
        <v>1107</v>
      </c>
      <c r="H90" s="3" t="s">
        <v>1108</v>
      </c>
      <c r="I90" s="3" t="s">
        <v>51</v>
      </c>
      <c r="J90" s="3" t="s">
        <v>51</v>
      </c>
      <c r="K90" s="3" t="s">
        <v>51</v>
      </c>
      <c r="L90" s="3" t="s">
        <v>1105</v>
      </c>
    </row>
    <row r="91" spans="1:12" x14ac:dyDescent="0.25">
      <c r="A91" s="4" t="s">
        <v>313</v>
      </c>
      <c r="B91" s="6" t="s">
        <v>1109</v>
      </c>
      <c r="C91" s="2" t="s">
        <v>1104</v>
      </c>
      <c r="D91" s="2" t="s">
        <v>1105</v>
      </c>
      <c r="E91" s="2" t="s">
        <v>1106</v>
      </c>
      <c r="F91" s="2" t="s">
        <v>1106</v>
      </c>
      <c r="G91" s="2" t="s">
        <v>1107</v>
      </c>
      <c r="H91" s="2" t="s">
        <v>1108</v>
      </c>
      <c r="I91" s="2" t="s">
        <v>51</v>
      </c>
      <c r="J91" s="2" t="s">
        <v>51</v>
      </c>
      <c r="K91" s="2" t="s">
        <v>51</v>
      </c>
      <c r="L91" s="2" t="s">
        <v>1105</v>
      </c>
    </row>
    <row r="92" spans="1:12" x14ac:dyDescent="0.25">
      <c r="A92" s="5" t="s">
        <v>326</v>
      </c>
      <c r="B92" s="7" t="s">
        <v>1110</v>
      </c>
      <c r="C92" s="3" t="s">
        <v>1111</v>
      </c>
      <c r="D92" s="3" t="s">
        <v>1112</v>
      </c>
      <c r="E92" s="3" t="s">
        <v>1113</v>
      </c>
      <c r="F92" s="3" t="s">
        <v>1113</v>
      </c>
      <c r="G92" s="3" t="s">
        <v>1114</v>
      </c>
      <c r="H92" s="3" t="s">
        <v>1115</v>
      </c>
      <c r="I92" s="3" t="s">
        <v>1116</v>
      </c>
      <c r="J92" s="3" t="s">
        <v>1116</v>
      </c>
      <c r="K92" s="3" t="s">
        <v>1057</v>
      </c>
      <c r="L92" s="3" t="s">
        <v>1117</v>
      </c>
    </row>
    <row r="93" spans="1:12" x14ac:dyDescent="0.25">
      <c r="A93" s="4" t="s">
        <v>335</v>
      </c>
      <c r="B93" s="6" t="s">
        <v>686</v>
      </c>
      <c r="C93" s="2" t="s">
        <v>1118</v>
      </c>
      <c r="D93" s="2" t="s">
        <v>1119</v>
      </c>
      <c r="E93" s="2" t="s">
        <v>1120</v>
      </c>
      <c r="F93" s="2" t="s">
        <v>1120</v>
      </c>
      <c r="G93" s="2" t="s">
        <v>706</v>
      </c>
      <c r="H93" s="2" t="s">
        <v>1121</v>
      </c>
      <c r="I93" s="2" t="s">
        <v>1122</v>
      </c>
      <c r="J93" s="2" t="s">
        <v>1122</v>
      </c>
      <c r="K93" s="2" t="s">
        <v>1123</v>
      </c>
      <c r="L93" s="2" t="s">
        <v>1124</v>
      </c>
    </row>
    <row r="94" spans="1:12" x14ac:dyDescent="0.25">
      <c r="A94" s="4" t="s">
        <v>344</v>
      </c>
      <c r="B94" s="6" t="s">
        <v>794</v>
      </c>
      <c r="C94" s="2" t="s">
        <v>1125</v>
      </c>
      <c r="D94" s="2" t="s">
        <v>1125</v>
      </c>
      <c r="E94" s="2" t="s">
        <v>51</v>
      </c>
      <c r="F94" s="2" t="s">
        <v>51</v>
      </c>
      <c r="G94" s="2" t="s">
        <v>51</v>
      </c>
      <c r="H94" s="2" t="s">
        <v>1125</v>
      </c>
      <c r="I94" s="2" t="s">
        <v>51</v>
      </c>
      <c r="J94" s="2" t="s">
        <v>51</v>
      </c>
      <c r="K94" s="2" t="s">
        <v>51</v>
      </c>
      <c r="L94" s="2" t="s">
        <v>1125</v>
      </c>
    </row>
    <row r="95" spans="1:12" x14ac:dyDescent="0.25">
      <c r="A95" s="4" t="s">
        <v>353</v>
      </c>
      <c r="B95" s="6" t="s">
        <v>1126</v>
      </c>
      <c r="C95" s="2" t="s">
        <v>1127</v>
      </c>
      <c r="D95" s="2" t="s">
        <v>1128</v>
      </c>
      <c r="E95" s="2" t="s">
        <v>1129</v>
      </c>
      <c r="F95" s="2" t="s">
        <v>1129</v>
      </c>
      <c r="G95" s="2" t="s">
        <v>1130</v>
      </c>
      <c r="H95" s="2" t="s">
        <v>1131</v>
      </c>
      <c r="I95" s="2" t="s">
        <v>1132</v>
      </c>
      <c r="J95" s="2" t="s">
        <v>1132</v>
      </c>
      <c r="K95" s="2" t="s">
        <v>1054</v>
      </c>
      <c r="L95" s="2" t="s">
        <v>1133</v>
      </c>
    </row>
    <row r="96" spans="1:12" x14ac:dyDescent="0.25">
      <c r="A96" s="5" t="s">
        <v>361</v>
      </c>
      <c r="B96" s="7" t="s">
        <v>1134</v>
      </c>
      <c r="C96" s="3" t="s">
        <v>1135</v>
      </c>
      <c r="D96" s="3" t="s">
        <v>1136</v>
      </c>
      <c r="E96" s="3" t="s">
        <v>1137</v>
      </c>
      <c r="F96" s="3" t="s">
        <v>1137</v>
      </c>
      <c r="G96" s="3" t="s">
        <v>1138</v>
      </c>
      <c r="H96" s="3" t="s">
        <v>1139</v>
      </c>
      <c r="I96" s="3" t="s">
        <v>1140</v>
      </c>
      <c r="J96" s="3" t="s">
        <v>1140</v>
      </c>
      <c r="K96" s="3" t="s">
        <v>1107</v>
      </c>
      <c r="L96" s="3" t="s">
        <v>1141</v>
      </c>
    </row>
    <row r="97" spans="1:12" x14ac:dyDescent="0.25">
      <c r="A97" s="4" t="s">
        <v>370</v>
      </c>
      <c r="B97" s="6" t="s">
        <v>1142</v>
      </c>
      <c r="C97" s="2" t="s">
        <v>1135</v>
      </c>
      <c r="D97" s="2" t="s">
        <v>1136</v>
      </c>
      <c r="E97" s="2" t="s">
        <v>1137</v>
      </c>
      <c r="F97" s="2" t="s">
        <v>1137</v>
      </c>
      <c r="G97" s="2" t="s">
        <v>1138</v>
      </c>
      <c r="H97" s="2" t="s">
        <v>1139</v>
      </c>
      <c r="I97" s="2" t="s">
        <v>1140</v>
      </c>
      <c r="J97" s="2" t="s">
        <v>1140</v>
      </c>
      <c r="K97" s="2" t="s">
        <v>1107</v>
      </c>
      <c r="L97" s="2" t="s">
        <v>1141</v>
      </c>
    </row>
    <row r="98" spans="1:12" x14ac:dyDescent="0.25">
      <c r="A98" s="5" t="s">
        <v>377</v>
      </c>
      <c r="B98" s="7" t="s">
        <v>1143</v>
      </c>
      <c r="C98" s="3" t="s">
        <v>1144</v>
      </c>
      <c r="D98" s="3" t="s">
        <v>1145</v>
      </c>
      <c r="E98" s="3" t="s">
        <v>1146</v>
      </c>
      <c r="F98" s="3" t="s">
        <v>1146</v>
      </c>
      <c r="G98" s="3" t="s">
        <v>1147</v>
      </c>
      <c r="H98" s="3" t="s">
        <v>1148</v>
      </c>
      <c r="I98" s="3" t="s">
        <v>1149</v>
      </c>
      <c r="J98" s="3" t="s">
        <v>1149</v>
      </c>
      <c r="K98" s="3" t="s">
        <v>1150</v>
      </c>
      <c r="L98" s="3" t="s">
        <v>1151</v>
      </c>
    </row>
    <row r="99" spans="1:12" x14ac:dyDescent="0.25">
      <c r="A99" s="4" t="s">
        <v>386</v>
      </c>
      <c r="B99" s="6" t="s">
        <v>686</v>
      </c>
      <c r="C99" s="2" t="s">
        <v>1152</v>
      </c>
      <c r="D99" s="2" t="s">
        <v>1153</v>
      </c>
      <c r="E99" s="2" t="s">
        <v>1154</v>
      </c>
      <c r="F99" s="2" t="s">
        <v>1154</v>
      </c>
      <c r="G99" s="2" t="s">
        <v>1155</v>
      </c>
      <c r="H99" s="2" t="s">
        <v>1156</v>
      </c>
      <c r="I99" s="2" t="s">
        <v>1157</v>
      </c>
      <c r="J99" s="2" t="s">
        <v>1157</v>
      </c>
      <c r="K99" s="2" t="s">
        <v>701</v>
      </c>
      <c r="L99" s="2" t="s">
        <v>1158</v>
      </c>
    </row>
    <row r="100" spans="1:12" x14ac:dyDescent="0.25">
      <c r="A100" s="4" t="s">
        <v>395</v>
      </c>
      <c r="B100" s="6" t="s">
        <v>1159</v>
      </c>
      <c r="C100" s="2" t="s">
        <v>1160</v>
      </c>
      <c r="D100" s="2" t="s">
        <v>1160</v>
      </c>
      <c r="E100" s="2" t="s">
        <v>1161</v>
      </c>
      <c r="F100" s="2" t="s">
        <v>1161</v>
      </c>
      <c r="G100" s="2" t="s">
        <v>1162</v>
      </c>
      <c r="H100" s="2" t="s">
        <v>1163</v>
      </c>
      <c r="I100" s="2" t="s">
        <v>1164</v>
      </c>
      <c r="J100" s="2" t="s">
        <v>1164</v>
      </c>
      <c r="K100" s="2" t="s">
        <v>709</v>
      </c>
      <c r="L100" s="2" t="s">
        <v>1165</v>
      </c>
    </row>
    <row r="101" spans="1:12" x14ac:dyDescent="0.25">
      <c r="A101" s="4" t="s">
        <v>404</v>
      </c>
      <c r="B101" s="6" t="s">
        <v>1166</v>
      </c>
      <c r="C101" s="2" t="s">
        <v>1167</v>
      </c>
      <c r="D101" s="2" t="s">
        <v>1167</v>
      </c>
      <c r="E101" s="2" t="s">
        <v>1168</v>
      </c>
      <c r="F101" s="2" t="s">
        <v>1168</v>
      </c>
      <c r="G101" s="2" t="s">
        <v>222</v>
      </c>
      <c r="H101" s="2" t="s">
        <v>1169</v>
      </c>
      <c r="I101" s="2" t="s">
        <v>1170</v>
      </c>
      <c r="J101" s="2" t="s">
        <v>1170</v>
      </c>
      <c r="K101" s="2" t="s">
        <v>953</v>
      </c>
      <c r="L101" s="2" t="s">
        <v>1171</v>
      </c>
    </row>
    <row r="102" spans="1:12" x14ac:dyDescent="0.25">
      <c r="A102" s="4" t="s">
        <v>407</v>
      </c>
      <c r="B102" s="6" t="s">
        <v>1172</v>
      </c>
      <c r="C102" s="2" t="s">
        <v>1173</v>
      </c>
      <c r="D102" s="2" t="s">
        <v>1173</v>
      </c>
      <c r="E102" s="2" t="s">
        <v>1174</v>
      </c>
      <c r="F102" s="2" t="s">
        <v>1174</v>
      </c>
      <c r="G102" s="2" t="s">
        <v>51</v>
      </c>
      <c r="H102" s="2" t="s">
        <v>1175</v>
      </c>
      <c r="I102" s="2" t="s">
        <v>1176</v>
      </c>
      <c r="J102" s="2" t="s">
        <v>1176</v>
      </c>
      <c r="K102" s="2" t="s">
        <v>51</v>
      </c>
      <c r="L102" s="2" t="s">
        <v>1177</v>
      </c>
    </row>
    <row r="103" spans="1:12" x14ac:dyDescent="0.25">
      <c r="A103" s="4" t="s">
        <v>415</v>
      </c>
      <c r="B103" s="6" t="s">
        <v>1178</v>
      </c>
      <c r="C103" s="2" t="s">
        <v>1102</v>
      </c>
      <c r="D103" s="2" t="s">
        <v>1102</v>
      </c>
      <c r="E103" s="2" t="s">
        <v>51</v>
      </c>
      <c r="F103" s="2" t="s">
        <v>51</v>
      </c>
      <c r="G103" s="2" t="s">
        <v>51</v>
      </c>
      <c r="H103" s="2" t="s">
        <v>1102</v>
      </c>
      <c r="I103" s="2" t="s">
        <v>51</v>
      </c>
      <c r="J103" s="2" t="s">
        <v>51</v>
      </c>
      <c r="K103" s="2" t="s">
        <v>51</v>
      </c>
      <c r="L103" s="2" t="s">
        <v>1102</v>
      </c>
    </row>
    <row r="104" spans="1:12" x14ac:dyDescent="0.25">
      <c r="A104" s="5" t="s">
        <v>419</v>
      </c>
      <c r="B104" s="7" t="s">
        <v>1179</v>
      </c>
      <c r="C104" s="3" t="s">
        <v>1180</v>
      </c>
      <c r="D104" s="3" t="s">
        <v>1181</v>
      </c>
      <c r="E104" s="3" t="s">
        <v>1182</v>
      </c>
      <c r="F104" s="3" t="s">
        <v>1182</v>
      </c>
      <c r="G104" s="3" t="s">
        <v>1083</v>
      </c>
      <c r="H104" s="3" t="s">
        <v>1183</v>
      </c>
      <c r="I104" s="3" t="s">
        <v>1184</v>
      </c>
      <c r="J104" s="3" t="s">
        <v>1184</v>
      </c>
      <c r="K104" s="3" t="s">
        <v>1123</v>
      </c>
      <c r="L104" s="3" t="s">
        <v>1185</v>
      </c>
    </row>
    <row r="105" spans="1:12" x14ac:dyDescent="0.25">
      <c r="A105" s="4" t="s">
        <v>428</v>
      </c>
      <c r="B105" s="6" t="s">
        <v>695</v>
      </c>
      <c r="C105" s="2" t="s">
        <v>1186</v>
      </c>
      <c r="D105" s="2" t="s">
        <v>1187</v>
      </c>
      <c r="E105" s="2" t="s">
        <v>51</v>
      </c>
      <c r="F105" s="2" t="s">
        <v>51</v>
      </c>
      <c r="G105" s="2" t="s">
        <v>51</v>
      </c>
      <c r="H105" s="2" t="s">
        <v>1187</v>
      </c>
      <c r="I105" s="2" t="s">
        <v>51</v>
      </c>
      <c r="J105" s="2" t="s">
        <v>51</v>
      </c>
      <c r="K105" s="2" t="s">
        <v>51</v>
      </c>
      <c r="L105" s="2" t="s">
        <v>1187</v>
      </c>
    </row>
    <row r="106" spans="1:12" x14ac:dyDescent="0.25">
      <c r="A106" s="4" t="s">
        <v>436</v>
      </c>
      <c r="B106" s="6" t="s">
        <v>1059</v>
      </c>
      <c r="C106" s="2" t="s">
        <v>51</v>
      </c>
      <c r="D106" s="2" t="s">
        <v>51</v>
      </c>
      <c r="E106" s="2" t="s">
        <v>51</v>
      </c>
      <c r="F106" s="2" t="s">
        <v>51</v>
      </c>
      <c r="G106" s="2" t="s">
        <v>51</v>
      </c>
      <c r="H106" s="2" t="s">
        <v>51</v>
      </c>
      <c r="I106" s="2" t="s">
        <v>51</v>
      </c>
      <c r="J106" s="2" t="s">
        <v>51</v>
      </c>
      <c r="K106" s="2" t="s">
        <v>51</v>
      </c>
      <c r="L106" s="2" t="s">
        <v>51</v>
      </c>
    </row>
    <row r="107" spans="1:12" x14ac:dyDescent="0.25">
      <c r="A107" s="4" t="s">
        <v>438</v>
      </c>
      <c r="B107" s="6" t="s">
        <v>1039</v>
      </c>
      <c r="C107" s="2" t="s">
        <v>1188</v>
      </c>
      <c r="D107" s="2" t="s">
        <v>1189</v>
      </c>
      <c r="E107" s="2" t="s">
        <v>1190</v>
      </c>
      <c r="F107" s="2" t="s">
        <v>1190</v>
      </c>
      <c r="G107" s="2" t="s">
        <v>1083</v>
      </c>
      <c r="H107" s="2" t="s">
        <v>1191</v>
      </c>
      <c r="I107" s="2" t="s">
        <v>1192</v>
      </c>
      <c r="J107" s="2" t="s">
        <v>1192</v>
      </c>
      <c r="K107" s="2" t="s">
        <v>1123</v>
      </c>
      <c r="L107" s="2" t="s">
        <v>1193</v>
      </c>
    </row>
    <row r="108" spans="1:12" x14ac:dyDescent="0.25">
      <c r="A108" s="4" t="s">
        <v>440</v>
      </c>
      <c r="B108" s="6" t="s">
        <v>1045</v>
      </c>
      <c r="C108" s="2" t="s">
        <v>1194</v>
      </c>
      <c r="D108" s="2" t="s">
        <v>1195</v>
      </c>
      <c r="E108" s="2" t="s">
        <v>1196</v>
      </c>
      <c r="F108" s="2" t="s">
        <v>1196</v>
      </c>
      <c r="G108" s="2" t="s">
        <v>51</v>
      </c>
      <c r="H108" s="2" t="s">
        <v>1197</v>
      </c>
      <c r="I108" s="2" t="s">
        <v>1198</v>
      </c>
      <c r="J108" s="2" t="s">
        <v>1198</v>
      </c>
      <c r="K108" s="2" t="s">
        <v>51</v>
      </c>
      <c r="L108" s="2" t="s">
        <v>1199</v>
      </c>
    </row>
    <row r="109" spans="1:12" x14ac:dyDescent="0.25">
      <c r="A109" s="5" t="s">
        <v>442</v>
      </c>
      <c r="B109" s="7" t="s">
        <v>1200</v>
      </c>
      <c r="C109" s="3" t="s">
        <v>1201</v>
      </c>
      <c r="D109" s="3" t="s">
        <v>1202</v>
      </c>
      <c r="E109" s="3" t="s">
        <v>1203</v>
      </c>
      <c r="F109" s="3" t="s">
        <v>1203</v>
      </c>
      <c r="G109" s="3" t="s">
        <v>684</v>
      </c>
      <c r="H109" s="3" t="s">
        <v>1204</v>
      </c>
      <c r="I109" s="3" t="s">
        <v>1205</v>
      </c>
      <c r="J109" s="3" t="s">
        <v>1205</v>
      </c>
      <c r="K109" s="3" t="s">
        <v>1206</v>
      </c>
      <c r="L109" s="3" t="s">
        <v>1207</v>
      </c>
    </row>
    <row r="110" spans="1:12" x14ac:dyDescent="0.25">
      <c r="A110" s="4" t="s">
        <v>444</v>
      </c>
      <c r="B110" s="6" t="s">
        <v>686</v>
      </c>
      <c r="C110" s="2" t="s">
        <v>1208</v>
      </c>
      <c r="D110" s="2" t="s">
        <v>1209</v>
      </c>
      <c r="E110" s="2" t="s">
        <v>1210</v>
      </c>
      <c r="F110" s="2" t="s">
        <v>1210</v>
      </c>
      <c r="G110" s="2" t="s">
        <v>1211</v>
      </c>
      <c r="H110" s="2" t="s">
        <v>1212</v>
      </c>
      <c r="I110" s="2" t="s">
        <v>1213</v>
      </c>
      <c r="J110" s="2" t="s">
        <v>1213</v>
      </c>
      <c r="K110" s="2" t="s">
        <v>1214</v>
      </c>
      <c r="L110" s="2" t="s">
        <v>1215</v>
      </c>
    </row>
    <row r="111" spans="1:12" x14ac:dyDescent="0.25">
      <c r="A111" s="4" t="s">
        <v>446</v>
      </c>
      <c r="B111" s="6" t="s">
        <v>1159</v>
      </c>
      <c r="C111" s="2" t="s">
        <v>1216</v>
      </c>
      <c r="D111" s="2" t="s">
        <v>1216</v>
      </c>
      <c r="E111" s="2" t="s">
        <v>51</v>
      </c>
      <c r="F111" s="2" t="s">
        <v>51</v>
      </c>
      <c r="G111" s="2" t="s">
        <v>51</v>
      </c>
      <c r="H111" s="2" t="s">
        <v>1216</v>
      </c>
      <c r="I111" s="2" t="s">
        <v>51</v>
      </c>
      <c r="J111" s="2" t="s">
        <v>51</v>
      </c>
      <c r="K111" s="2" t="s">
        <v>51</v>
      </c>
      <c r="L111" s="2" t="s">
        <v>1216</v>
      </c>
    </row>
    <row r="112" spans="1:12" x14ac:dyDescent="0.25">
      <c r="A112" s="4" t="s">
        <v>447</v>
      </c>
      <c r="B112" s="6" t="s">
        <v>1166</v>
      </c>
      <c r="C112" s="2" t="s">
        <v>1217</v>
      </c>
      <c r="D112" s="2" t="s">
        <v>1217</v>
      </c>
      <c r="E112" s="2" t="s">
        <v>51</v>
      </c>
      <c r="F112" s="2" t="s">
        <v>51</v>
      </c>
      <c r="G112" s="2" t="s">
        <v>51</v>
      </c>
      <c r="H112" s="2" t="s">
        <v>1217</v>
      </c>
      <c r="I112" s="2" t="s">
        <v>51</v>
      </c>
      <c r="J112" s="2" t="s">
        <v>51</v>
      </c>
      <c r="K112" s="2" t="s">
        <v>51</v>
      </c>
      <c r="L112" s="2" t="s">
        <v>1217</v>
      </c>
    </row>
    <row r="113" spans="1:12" x14ac:dyDescent="0.25">
      <c r="A113" s="4" t="s">
        <v>448</v>
      </c>
      <c r="B113" s="6" t="s">
        <v>1172</v>
      </c>
      <c r="C113" s="2" t="s">
        <v>1216</v>
      </c>
      <c r="D113" s="2" t="s">
        <v>1216</v>
      </c>
      <c r="E113" s="2" t="s">
        <v>51</v>
      </c>
      <c r="F113" s="2" t="s">
        <v>51</v>
      </c>
      <c r="G113" s="2" t="s">
        <v>51</v>
      </c>
      <c r="H113" s="2" t="s">
        <v>1216</v>
      </c>
      <c r="I113" s="2" t="s">
        <v>51</v>
      </c>
      <c r="J113" s="2" t="s">
        <v>51</v>
      </c>
      <c r="K113" s="2" t="s">
        <v>51</v>
      </c>
      <c r="L113" s="2" t="s">
        <v>1216</v>
      </c>
    </row>
    <row r="114" spans="1:12" x14ac:dyDescent="0.25">
      <c r="A114" s="4" t="s">
        <v>450</v>
      </c>
      <c r="B114" s="6" t="s">
        <v>1178</v>
      </c>
      <c r="C114" s="2" t="s">
        <v>1216</v>
      </c>
      <c r="D114" s="2" t="s">
        <v>1218</v>
      </c>
      <c r="E114" s="2" t="s">
        <v>1219</v>
      </c>
      <c r="F114" s="2" t="s">
        <v>1219</v>
      </c>
      <c r="G114" s="2" t="s">
        <v>51</v>
      </c>
      <c r="H114" s="2" t="s">
        <v>1220</v>
      </c>
      <c r="I114" s="2" t="s">
        <v>51</v>
      </c>
      <c r="J114" s="2" t="s">
        <v>51</v>
      </c>
      <c r="K114" s="2" t="s">
        <v>51</v>
      </c>
      <c r="L114" s="2" t="s">
        <v>1218</v>
      </c>
    </row>
    <row r="115" spans="1:12" x14ac:dyDescent="0.25">
      <c r="A115" s="4" t="s">
        <v>453</v>
      </c>
      <c r="B115" s="6" t="s">
        <v>1045</v>
      </c>
      <c r="C115" s="2" t="s">
        <v>1221</v>
      </c>
      <c r="D115" s="2" t="s">
        <v>1222</v>
      </c>
      <c r="E115" s="2" t="s">
        <v>812</v>
      </c>
      <c r="F115" s="2" t="s">
        <v>812</v>
      </c>
      <c r="G115" s="2" t="s">
        <v>51</v>
      </c>
      <c r="H115" s="2" t="s">
        <v>1223</v>
      </c>
      <c r="I115" s="2" t="s">
        <v>1224</v>
      </c>
      <c r="J115" s="2" t="s">
        <v>1224</v>
      </c>
      <c r="K115" s="2" t="s">
        <v>51</v>
      </c>
      <c r="L115" s="2" t="s">
        <v>1225</v>
      </c>
    </row>
    <row r="116" spans="1:12" x14ac:dyDescent="0.25">
      <c r="A116" s="4" t="s">
        <v>455</v>
      </c>
      <c r="B116" s="6" t="s">
        <v>1226</v>
      </c>
      <c r="C116" s="2" t="s">
        <v>1227</v>
      </c>
      <c r="D116" s="2" t="s">
        <v>1227</v>
      </c>
      <c r="E116" s="2" t="s">
        <v>51</v>
      </c>
      <c r="F116" s="2" t="s">
        <v>51</v>
      </c>
      <c r="G116" s="2" t="s">
        <v>51</v>
      </c>
      <c r="H116" s="2" t="s">
        <v>1227</v>
      </c>
      <c r="I116" s="2" t="s">
        <v>51</v>
      </c>
      <c r="J116" s="2" t="s">
        <v>51</v>
      </c>
      <c r="K116" s="2" t="s">
        <v>51</v>
      </c>
      <c r="L116" s="2" t="s">
        <v>1227</v>
      </c>
    </row>
    <row r="117" spans="1:12" x14ac:dyDescent="0.25">
      <c r="A117" s="4" t="s">
        <v>460</v>
      </c>
      <c r="B117" s="6" t="s">
        <v>1228</v>
      </c>
      <c r="C117" s="2" t="s">
        <v>1229</v>
      </c>
      <c r="D117" s="2" t="s">
        <v>1230</v>
      </c>
      <c r="E117" s="2" t="s">
        <v>1231</v>
      </c>
      <c r="F117" s="2" t="s">
        <v>1231</v>
      </c>
      <c r="G117" s="2" t="s">
        <v>222</v>
      </c>
      <c r="H117" s="2" t="s">
        <v>1232</v>
      </c>
      <c r="I117" s="2" t="s">
        <v>1233</v>
      </c>
      <c r="J117" s="2" t="s">
        <v>1233</v>
      </c>
      <c r="K117" s="2" t="s">
        <v>953</v>
      </c>
      <c r="L117" s="2" t="s">
        <v>1234</v>
      </c>
    </row>
    <row r="118" spans="1:12" x14ac:dyDescent="0.25">
      <c r="A118" s="4" t="s">
        <v>462</v>
      </c>
      <c r="B118" s="6" t="s">
        <v>1235</v>
      </c>
      <c r="C118" s="2" t="s">
        <v>1216</v>
      </c>
      <c r="D118" s="2" t="s">
        <v>1216</v>
      </c>
      <c r="E118" s="2" t="s">
        <v>51</v>
      </c>
      <c r="F118" s="2" t="s">
        <v>51</v>
      </c>
      <c r="G118" s="2" t="s">
        <v>51</v>
      </c>
      <c r="H118" s="2" t="s">
        <v>1216</v>
      </c>
      <c r="I118" s="2" t="s">
        <v>51</v>
      </c>
      <c r="J118" s="2" t="s">
        <v>51</v>
      </c>
      <c r="K118" s="2" t="s">
        <v>51</v>
      </c>
      <c r="L118" s="2" t="s">
        <v>1216</v>
      </c>
    </row>
    <row r="119" spans="1:12" x14ac:dyDescent="0.25">
      <c r="A119" s="4" t="s">
        <v>464</v>
      </c>
      <c r="B119" s="6" t="s">
        <v>1236</v>
      </c>
      <c r="C119" s="2" t="s">
        <v>1237</v>
      </c>
      <c r="D119" s="2" t="s">
        <v>1237</v>
      </c>
      <c r="E119" s="2" t="s">
        <v>1238</v>
      </c>
      <c r="F119" s="2" t="s">
        <v>1238</v>
      </c>
      <c r="G119" s="2" t="s">
        <v>706</v>
      </c>
      <c r="H119" s="2" t="s">
        <v>1239</v>
      </c>
      <c r="I119" s="2" t="s">
        <v>1240</v>
      </c>
      <c r="J119" s="2" t="s">
        <v>1240</v>
      </c>
      <c r="K119" s="2" t="s">
        <v>1054</v>
      </c>
      <c r="L119" s="2" t="s">
        <v>1241</v>
      </c>
    </row>
    <row r="120" spans="1:12" x14ac:dyDescent="0.25">
      <c r="A120" s="4" t="s">
        <v>466</v>
      </c>
      <c r="B120" s="6" t="s">
        <v>1242</v>
      </c>
      <c r="C120" s="2" t="s">
        <v>1243</v>
      </c>
      <c r="D120" s="2" t="s">
        <v>1243</v>
      </c>
      <c r="E120" s="2" t="s">
        <v>1244</v>
      </c>
      <c r="F120" s="2" t="s">
        <v>1244</v>
      </c>
      <c r="G120" s="2" t="s">
        <v>706</v>
      </c>
      <c r="H120" s="2" t="s">
        <v>1245</v>
      </c>
      <c r="I120" s="2" t="s">
        <v>1246</v>
      </c>
      <c r="J120" s="2" t="s">
        <v>1246</v>
      </c>
      <c r="K120" s="2" t="s">
        <v>222</v>
      </c>
      <c r="L120" s="2" t="s">
        <v>1247</v>
      </c>
    </row>
    <row r="121" spans="1:12" x14ac:dyDescent="0.25">
      <c r="A121" s="4" t="s">
        <v>468</v>
      </c>
      <c r="B121" s="6" t="s">
        <v>1248</v>
      </c>
      <c r="C121" s="2" t="s">
        <v>1216</v>
      </c>
      <c r="D121" s="2" t="s">
        <v>1216</v>
      </c>
      <c r="E121" s="2" t="s">
        <v>51</v>
      </c>
      <c r="F121" s="2" t="s">
        <v>51</v>
      </c>
      <c r="G121" s="2" t="s">
        <v>51</v>
      </c>
      <c r="H121" s="2" t="s">
        <v>1216</v>
      </c>
      <c r="I121" s="2" t="s">
        <v>51</v>
      </c>
      <c r="J121" s="2" t="s">
        <v>51</v>
      </c>
      <c r="K121" s="2" t="s">
        <v>51</v>
      </c>
      <c r="L121" s="2" t="s">
        <v>1216</v>
      </c>
    </row>
    <row r="122" spans="1:12" x14ac:dyDescent="0.25">
      <c r="A122" s="5" t="s">
        <v>470</v>
      </c>
      <c r="B122" s="7" t="s">
        <v>1249</v>
      </c>
      <c r="C122" s="3" t="s">
        <v>1250</v>
      </c>
      <c r="D122" s="3" t="s">
        <v>1251</v>
      </c>
      <c r="E122" s="3" t="s">
        <v>1252</v>
      </c>
      <c r="F122" s="3" t="s">
        <v>1252</v>
      </c>
      <c r="G122" s="3" t="s">
        <v>51</v>
      </c>
      <c r="H122" s="3" t="s">
        <v>1253</v>
      </c>
      <c r="I122" s="3" t="s">
        <v>1254</v>
      </c>
      <c r="J122" s="3" t="s">
        <v>1254</v>
      </c>
      <c r="K122" s="3" t="s">
        <v>709</v>
      </c>
      <c r="L122" s="3" t="s">
        <v>1255</v>
      </c>
    </row>
    <row r="123" spans="1:12" x14ac:dyDescent="0.25">
      <c r="A123" s="4" t="s">
        <v>472</v>
      </c>
      <c r="B123" s="6" t="s">
        <v>1256</v>
      </c>
      <c r="C123" s="2" t="s">
        <v>1250</v>
      </c>
      <c r="D123" s="2" t="s">
        <v>1251</v>
      </c>
      <c r="E123" s="2" t="s">
        <v>1252</v>
      </c>
      <c r="F123" s="2" t="s">
        <v>1252</v>
      </c>
      <c r="G123" s="2" t="s">
        <v>51</v>
      </c>
      <c r="H123" s="2" t="s">
        <v>1253</v>
      </c>
      <c r="I123" s="2" t="s">
        <v>1254</v>
      </c>
      <c r="J123" s="2" t="s">
        <v>1254</v>
      </c>
      <c r="K123" s="2" t="s">
        <v>709</v>
      </c>
      <c r="L123" s="2" t="s">
        <v>1255</v>
      </c>
    </row>
    <row r="124" spans="1:12" x14ac:dyDescent="0.25">
      <c r="A124" s="5" t="s">
        <v>479</v>
      </c>
      <c r="B124" s="7" t="s">
        <v>1257</v>
      </c>
      <c r="C124" s="3" t="s">
        <v>1258</v>
      </c>
      <c r="D124" s="3" t="s">
        <v>1258</v>
      </c>
      <c r="E124" s="3" t="s">
        <v>1259</v>
      </c>
      <c r="F124" s="3" t="s">
        <v>1259</v>
      </c>
      <c r="G124" s="3" t="s">
        <v>1054</v>
      </c>
      <c r="H124" s="3" t="s">
        <v>1260</v>
      </c>
      <c r="I124" s="3" t="s">
        <v>1261</v>
      </c>
      <c r="J124" s="3" t="s">
        <v>1261</v>
      </c>
      <c r="K124" s="3" t="s">
        <v>706</v>
      </c>
      <c r="L124" s="3" t="s">
        <v>1262</v>
      </c>
    </row>
    <row r="125" spans="1:12" x14ac:dyDescent="0.25">
      <c r="A125" s="4" t="s">
        <v>481</v>
      </c>
      <c r="B125" s="6" t="s">
        <v>1263</v>
      </c>
      <c r="C125" s="2" t="s">
        <v>1258</v>
      </c>
      <c r="D125" s="2" t="s">
        <v>1258</v>
      </c>
      <c r="E125" s="2" t="s">
        <v>1259</v>
      </c>
      <c r="F125" s="2" t="s">
        <v>1259</v>
      </c>
      <c r="G125" s="2" t="s">
        <v>1054</v>
      </c>
      <c r="H125" s="2" t="s">
        <v>1260</v>
      </c>
      <c r="I125" s="2" t="s">
        <v>1261</v>
      </c>
      <c r="J125" s="2" t="s">
        <v>1261</v>
      </c>
      <c r="K125" s="2" t="s">
        <v>706</v>
      </c>
      <c r="L125" s="2" t="s">
        <v>1262</v>
      </c>
    </row>
    <row r="126" spans="1:12" x14ac:dyDescent="0.25">
      <c r="A126" s="5" t="s">
        <v>483</v>
      </c>
      <c r="B126" s="7" t="s">
        <v>1264</v>
      </c>
      <c r="C126" s="3" t="s">
        <v>1265</v>
      </c>
      <c r="D126" s="3" t="s">
        <v>1266</v>
      </c>
      <c r="E126" s="3" t="s">
        <v>1267</v>
      </c>
      <c r="F126" s="3" t="s">
        <v>1267</v>
      </c>
      <c r="G126" s="3" t="s">
        <v>997</v>
      </c>
      <c r="H126" s="3" t="s">
        <v>1268</v>
      </c>
      <c r="I126" s="3" t="s">
        <v>1269</v>
      </c>
      <c r="J126" s="3" t="s">
        <v>1269</v>
      </c>
      <c r="K126" s="3" t="s">
        <v>1270</v>
      </c>
      <c r="L126" s="3" t="s">
        <v>1271</v>
      </c>
    </row>
    <row r="127" spans="1:12" x14ac:dyDescent="0.25">
      <c r="A127" s="4" t="s">
        <v>485</v>
      </c>
      <c r="B127" s="6" t="s">
        <v>1263</v>
      </c>
      <c r="C127" s="2" t="s">
        <v>1272</v>
      </c>
      <c r="D127" s="2" t="s">
        <v>1272</v>
      </c>
      <c r="E127" s="2" t="s">
        <v>51</v>
      </c>
      <c r="F127" s="2" t="s">
        <v>51</v>
      </c>
      <c r="G127" s="2" t="s">
        <v>51</v>
      </c>
      <c r="H127" s="2" t="s">
        <v>1272</v>
      </c>
      <c r="I127" s="2" t="s">
        <v>51</v>
      </c>
      <c r="J127" s="2" t="s">
        <v>51</v>
      </c>
      <c r="K127" s="2" t="s">
        <v>51</v>
      </c>
      <c r="L127" s="2" t="s">
        <v>1272</v>
      </c>
    </row>
    <row r="128" spans="1:12" x14ac:dyDescent="0.25">
      <c r="A128" s="4" t="s">
        <v>487</v>
      </c>
      <c r="B128" s="6" t="s">
        <v>1273</v>
      </c>
      <c r="C128" s="2" t="s">
        <v>1274</v>
      </c>
      <c r="D128" s="2" t="s">
        <v>1275</v>
      </c>
      <c r="E128" s="2" t="s">
        <v>1276</v>
      </c>
      <c r="F128" s="2" t="s">
        <v>1276</v>
      </c>
      <c r="G128" s="2" t="s">
        <v>222</v>
      </c>
      <c r="H128" s="2" t="s">
        <v>1277</v>
      </c>
      <c r="I128" s="2" t="s">
        <v>1278</v>
      </c>
      <c r="J128" s="2" t="s">
        <v>1278</v>
      </c>
      <c r="K128" s="2" t="s">
        <v>751</v>
      </c>
      <c r="L128" s="2" t="s">
        <v>1279</v>
      </c>
    </row>
    <row r="129" spans="1:12" x14ac:dyDescent="0.25">
      <c r="A129" s="4" t="s">
        <v>493</v>
      </c>
      <c r="B129" s="6" t="s">
        <v>1248</v>
      </c>
      <c r="C129" s="2" t="s">
        <v>1216</v>
      </c>
      <c r="D129" s="2" t="s">
        <v>1216</v>
      </c>
      <c r="E129" s="2" t="s">
        <v>51</v>
      </c>
      <c r="F129" s="2" t="s">
        <v>51</v>
      </c>
      <c r="G129" s="2" t="s">
        <v>51</v>
      </c>
      <c r="H129" s="2" t="s">
        <v>1216</v>
      </c>
      <c r="I129" s="2" t="s">
        <v>51</v>
      </c>
      <c r="J129" s="2" t="s">
        <v>51</v>
      </c>
      <c r="K129" s="2" t="s">
        <v>51</v>
      </c>
      <c r="L129" s="2" t="s">
        <v>1216</v>
      </c>
    </row>
    <row r="130" spans="1:12" x14ac:dyDescent="0.25">
      <c r="A130" s="4" t="s">
        <v>495</v>
      </c>
      <c r="B130" s="6" t="s">
        <v>1280</v>
      </c>
      <c r="C130" s="2" t="s">
        <v>1281</v>
      </c>
      <c r="D130" s="2" t="s">
        <v>1281</v>
      </c>
      <c r="E130" s="2" t="s">
        <v>1282</v>
      </c>
      <c r="F130" s="2" t="s">
        <v>1282</v>
      </c>
      <c r="G130" s="2" t="s">
        <v>1083</v>
      </c>
      <c r="H130" s="2" t="s">
        <v>1283</v>
      </c>
      <c r="I130" s="2" t="s">
        <v>1284</v>
      </c>
      <c r="J130" s="2" t="s">
        <v>1284</v>
      </c>
      <c r="K130" s="2" t="s">
        <v>856</v>
      </c>
      <c r="L130" s="2" t="s">
        <v>1285</v>
      </c>
    </row>
    <row r="131" spans="1:12" x14ac:dyDescent="0.25">
      <c r="A131" s="4" t="s">
        <v>497</v>
      </c>
      <c r="B131" s="6" t="s">
        <v>1286</v>
      </c>
      <c r="C131" s="2" t="s">
        <v>1287</v>
      </c>
      <c r="D131" s="2" t="s">
        <v>1288</v>
      </c>
      <c r="E131" s="2" t="s">
        <v>1289</v>
      </c>
      <c r="F131" s="2" t="s">
        <v>1289</v>
      </c>
      <c r="G131" s="2" t="s">
        <v>953</v>
      </c>
      <c r="H131" s="2" t="s">
        <v>1290</v>
      </c>
      <c r="I131" s="2" t="s">
        <v>1291</v>
      </c>
      <c r="J131" s="2" t="s">
        <v>1291</v>
      </c>
      <c r="K131" s="2" t="s">
        <v>957</v>
      </c>
      <c r="L131" s="2" t="s">
        <v>1292</v>
      </c>
    </row>
    <row r="132" spans="1:12" x14ac:dyDescent="0.25">
      <c r="A132" s="5" t="s">
        <v>499</v>
      </c>
      <c r="B132" s="7" t="s">
        <v>1293</v>
      </c>
      <c r="C132" s="3" t="s">
        <v>51</v>
      </c>
      <c r="D132" s="3" t="s">
        <v>51</v>
      </c>
      <c r="E132" s="3" t="s">
        <v>51</v>
      </c>
      <c r="F132" s="3" t="s">
        <v>51</v>
      </c>
      <c r="G132" s="3" t="s">
        <v>51</v>
      </c>
      <c r="H132" s="3" t="s">
        <v>51</v>
      </c>
      <c r="I132" s="3" t="s">
        <v>51</v>
      </c>
      <c r="J132" s="3" t="s">
        <v>51</v>
      </c>
      <c r="K132" s="3" t="s">
        <v>51</v>
      </c>
      <c r="L132" s="3" t="s">
        <v>51</v>
      </c>
    </row>
    <row r="133" spans="1:12" x14ac:dyDescent="0.25">
      <c r="A133" s="4" t="s">
        <v>501</v>
      </c>
      <c r="B133" s="6" t="s">
        <v>711</v>
      </c>
      <c r="C133" s="2" t="s">
        <v>51</v>
      </c>
      <c r="D133" s="2" t="s">
        <v>51</v>
      </c>
      <c r="E133" s="2" t="s">
        <v>51</v>
      </c>
      <c r="F133" s="2" t="s">
        <v>51</v>
      </c>
      <c r="G133" s="2" t="s">
        <v>51</v>
      </c>
      <c r="H133" s="2" t="s">
        <v>51</v>
      </c>
      <c r="I133" s="2" t="s">
        <v>51</v>
      </c>
      <c r="J133" s="2" t="s">
        <v>51</v>
      </c>
      <c r="K133" s="2" t="s">
        <v>51</v>
      </c>
      <c r="L133" s="2" t="s">
        <v>51</v>
      </c>
    </row>
    <row r="134" spans="1:12" x14ac:dyDescent="0.25">
      <c r="A134" s="5" t="s">
        <v>503</v>
      </c>
      <c r="B134" s="7" t="s">
        <v>1294</v>
      </c>
      <c r="C134" s="3" t="s">
        <v>1295</v>
      </c>
      <c r="D134" s="3" t="s">
        <v>1295</v>
      </c>
      <c r="E134" s="3" t="s">
        <v>51</v>
      </c>
      <c r="F134" s="3" t="s">
        <v>51</v>
      </c>
      <c r="G134" s="3" t="s">
        <v>51</v>
      </c>
      <c r="H134" s="3" t="s">
        <v>1295</v>
      </c>
      <c r="I134" s="3" t="s">
        <v>51</v>
      </c>
      <c r="J134" s="3" t="s">
        <v>51</v>
      </c>
      <c r="K134" s="3" t="s">
        <v>51</v>
      </c>
      <c r="L134" s="3" t="s">
        <v>1295</v>
      </c>
    </row>
    <row r="135" spans="1:12" x14ac:dyDescent="0.25">
      <c r="A135" s="4" t="s">
        <v>505</v>
      </c>
      <c r="B135" s="6" t="s">
        <v>1296</v>
      </c>
      <c r="C135" s="2" t="s">
        <v>1297</v>
      </c>
      <c r="D135" s="2" t="s">
        <v>1297</v>
      </c>
      <c r="E135" s="2" t="s">
        <v>51</v>
      </c>
      <c r="F135" s="2" t="s">
        <v>51</v>
      </c>
      <c r="G135" s="2" t="s">
        <v>51</v>
      </c>
      <c r="H135" s="2" t="s">
        <v>1297</v>
      </c>
      <c r="I135" s="2" t="s">
        <v>51</v>
      </c>
      <c r="J135" s="2" t="s">
        <v>51</v>
      </c>
      <c r="K135" s="2" t="s">
        <v>51</v>
      </c>
      <c r="L135" s="2" t="s">
        <v>1297</v>
      </c>
    </row>
    <row r="136" spans="1:12" x14ac:dyDescent="0.25">
      <c r="A136" s="4" t="s">
        <v>507</v>
      </c>
      <c r="B136" s="6" t="s">
        <v>1298</v>
      </c>
      <c r="C136" s="2" t="s">
        <v>1299</v>
      </c>
      <c r="D136" s="2" t="s">
        <v>1299</v>
      </c>
      <c r="E136" s="2" t="s">
        <v>51</v>
      </c>
      <c r="F136" s="2" t="s">
        <v>51</v>
      </c>
      <c r="G136" s="2" t="s">
        <v>51</v>
      </c>
      <c r="H136" s="2" t="s">
        <v>1299</v>
      </c>
      <c r="I136" s="2" t="s">
        <v>51</v>
      </c>
      <c r="J136" s="2" t="s">
        <v>51</v>
      </c>
      <c r="K136" s="2" t="s">
        <v>51</v>
      </c>
      <c r="L136" s="2" t="s">
        <v>1299</v>
      </c>
    </row>
    <row r="137" spans="1:12" x14ac:dyDescent="0.25">
      <c r="A137" s="5" t="s">
        <v>509</v>
      </c>
      <c r="B137" s="7" t="s">
        <v>1300</v>
      </c>
      <c r="C137" s="3" t="s">
        <v>1301</v>
      </c>
      <c r="D137" s="3" t="s">
        <v>1302</v>
      </c>
      <c r="E137" s="3" t="s">
        <v>1303</v>
      </c>
      <c r="F137" s="3" t="s">
        <v>1303</v>
      </c>
      <c r="G137" s="3" t="s">
        <v>1304</v>
      </c>
      <c r="H137" s="3" t="s">
        <v>1305</v>
      </c>
      <c r="I137" s="3" t="s">
        <v>1306</v>
      </c>
      <c r="J137" s="3" t="s">
        <v>1306</v>
      </c>
      <c r="K137" s="3" t="s">
        <v>1307</v>
      </c>
      <c r="L137" s="3" t="s">
        <v>1308</v>
      </c>
    </row>
    <row r="138" spans="1:12" x14ac:dyDescent="0.25">
      <c r="A138" s="4" t="s">
        <v>511</v>
      </c>
      <c r="B138" s="6" t="s">
        <v>686</v>
      </c>
      <c r="C138" s="2" t="s">
        <v>1309</v>
      </c>
      <c r="D138" s="2" t="s">
        <v>1310</v>
      </c>
      <c r="E138" s="2" t="s">
        <v>1311</v>
      </c>
      <c r="F138" s="2" t="s">
        <v>1311</v>
      </c>
      <c r="G138" s="2" t="s">
        <v>1312</v>
      </c>
      <c r="H138" s="2" t="s">
        <v>1313</v>
      </c>
      <c r="I138" s="2" t="s">
        <v>1314</v>
      </c>
      <c r="J138" s="2" t="s">
        <v>1314</v>
      </c>
      <c r="K138" s="2" t="s">
        <v>1315</v>
      </c>
      <c r="L138" s="2" t="s">
        <v>1316</v>
      </c>
    </row>
    <row r="139" spans="1:12" x14ac:dyDescent="0.25">
      <c r="A139" s="4" t="s">
        <v>513</v>
      </c>
      <c r="B139" s="6" t="s">
        <v>1317</v>
      </c>
      <c r="C139" s="2" t="s">
        <v>1318</v>
      </c>
      <c r="D139" s="2" t="s">
        <v>1318</v>
      </c>
      <c r="E139" s="2" t="s">
        <v>51</v>
      </c>
      <c r="F139" s="2" t="s">
        <v>51</v>
      </c>
      <c r="G139" s="2" t="s">
        <v>51</v>
      </c>
      <c r="H139" s="2" t="s">
        <v>1318</v>
      </c>
      <c r="I139" s="2" t="s">
        <v>51</v>
      </c>
      <c r="J139" s="2" t="s">
        <v>51</v>
      </c>
      <c r="K139" s="2" t="s">
        <v>51</v>
      </c>
      <c r="L139" s="2" t="s">
        <v>1318</v>
      </c>
    </row>
    <row r="140" spans="1:12" x14ac:dyDescent="0.25">
      <c r="A140" s="4" t="s">
        <v>515</v>
      </c>
      <c r="B140" s="6" t="s">
        <v>1319</v>
      </c>
      <c r="C140" s="2" t="s">
        <v>1320</v>
      </c>
      <c r="D140" s="2" t="s">
        <v>1321</v>
      </c>
      <c r="E140" s="2" t="s">
        <v>1322</v>
      </c>
      <c r="F140" s="2" t="s">
        <v>1322</v>
      </c>
      <c r="G140" s="2" t="s">
        <v>1323</v>
      </c>
      <c r="H140" s="2" t="s">
        <v>1324</v>
      </c>
      <c r="I140" s="2" t="s">
        <v>1325</v>
      </c>
      <c r="J140" s="2" t="s">
        <v>1325</v>
      </c>
      <c r="K140" s="2" t="s">
        <v>1326</v>
      </c>
      <c r="L140" s="2" t="s">
        <v>1327</v>
      </c>
    </row>
    <row r="141" spans="1:12" x14ac:dyDescent="0.25">
      <c r="A141" s="4" t="s">
        <v>517</v>
      </c>
      <c r="B141" s="6" t="s">
        <v>1328</v>
      </c>
      <c r="C141" s="2" t="s">
        <v>1329</v>
      </c>
      <c r="D141" s="2" t="s">
        <v>1329</v>
      </c>
      <c r="E141" s="2" t="s">
        <v>51</v>
      </c>
      <c r="F141" s="2" t="s">
        <v>51</v>
      </c>
      <c r="G141" s="2" t="s">
        <v>51</v>
      </c>
      <c r="H141" s="2" t="s">
        <v>1329</v>
      </c>
      <c r="I141" s="2" t="s">
        <v>51</v>
      </c>
      <c r="J141" s="2" t="s">
        <v>51</v>
      </c>
      <c r="K141" s="2" t="s">
        <v>51</v>
      </c>
      <c r="L141" s="2" t="s">
        <v>1329</v>
      </c>
    </row>
    <row r="142" spans="1:12" x14ac:dyDescent="0.25">
      <c r="A142" s="4" t="s">
        <v>519</v>
      </c>
      <c r="B142" s="6" t="s">
        <v>1330</v>
      </c>
      <c r="C142" s="2" t="s">
        <v>1331</v>
      </c>
      <c r="D142" s="2" t="s">
        <v>1331</v>
      </c>
      <c r="E142" s="2" t="s">
        <v>51</v>
      </c>
      <c r="F142" s="2" t="s">
        <v>51</v>
      </c>
      <c r="G142" s="2" t="s">
        <v>51</v>
      </c>
      <c r="H142" s="2" t="s">
        <v>1331</v>
      </c>
      <c r="I142" s="2" t="s">
        <v>51</v>
      </c>
      <c r="J142" s="2" t="s">
        <v>51</v>
      </c>
      <c r="K142" s="2" t="s">
        <v>51</v>
      </c>
      <c r="L142" s="2" t="s">
        <v>1331</v>
      </c>
    </row>
    <row r="143" spans="1:12" x14ac:dyDescent="0.25">
      <c r="A143" s="5" t="s">
        <v>521</v>
      </c>
      <c r="B143" s="7" t="s">
        <v>1332</v>
      </c>
      <c r="C143" s="3" t="s">
        <v>1333</v>
      </c>
      <c r="D143" s="3" t="s">
        <v>1334</v>
      </c>
      <c r="E143" s="3" t="s">
        <v>1335</v>
      </c>
      <c r="F143" s="3" t="s">
        <v>1335</v>
      </c>
      <c r="G143" s="3" t="s">
        <v>1083</v>
      </c>
      <c r="H143" s="3" t="s">
        <v>1336</v>
      </c>
      <c r="I143" s="3" t="s">
        <v>1337</v>
      </c>
      <c r="J143" s="3" t="s">
        <v>1337</v>
      </c>
      <c r="K143" s="3" t="s">
        <v>222</v>
      </c>
      <c r="L143" s="3" t="s">
        <v>1338</v>
      </c>
    </row>
    <row r="144" spans="1:12" x14ac:dyDescent="0.25">
      <c r="A144" s="4" t="s">
        <v>523</v>
      </c>
      <c r="B144" s="6" t="s">
        <v>1339</v>
      </c>
      <c r="C144" s="2" t="s">
        <v>1340</v>
      </c>
      <c r="D144" s="2" t="s">
        <v>1340</v>
      </c>
      <c r="E144" s="2" t="s">
        <v>1341</v>
      </c>
      <c r="F144" s="2" t="s">
        <v>1341</v>
      </c>
      <c r="G144" s="2" t="s">
        <v>51</v>
      </c>
      <c r="H144" s="2" t="s">
        <v>1342</v>
      </c>
      <c r="I144" s="2" t="s">
        <v>1343</v>
      </c>
      <c r="J144" s="2" t="s">
        <v>1343</v>
      </c>
      <c r="K144" s="2" t="s">
        <v>51</v>
      </c>
      <c r="L144" s="2" t="s">
        <v>1344</v>
      </c>
    </row>
    <row r="145" spans="1:12" x14ac:dyDescent="0.25">
      <c r="A145" s="4" t="s">
        <v>525</v>
      </c>
      <c r="B145" s="6" t="s">
        <v>1345</v>
      </c>
      <c r="C145" s="2" t="s">
        <v>1346</v>
      </c>
      <c r="D145" s="2" t="s">
        <v>1347</v>
      </c>
      <c r="E145" s="2" t="s">
        <v>1348</v>
      </c>
      <c r="F145" s="2" t="s">
        <v>1348</v>
      </c>
      <c r="G145" s="2" t="s">
        <v>1083</v>
      </c>
      <c r="H145" s="2" t="s">
        <v>1349</v>
      </c>
      <c r="I145" s="2" t="s">
        <v>1350</v>
      </c>
      <c r="J145" s="2" t="s">
        <v>1350</v>
      </c>
      <c r="K145" s="2" t="s">
        <v>222</v>
      </c>
      <c r="L145" s="2" t="s">
        <v>1351</v>
      </c>
    </row>
    <row r="146" spans="1:12" x14ac:dyDescent="0.25">
      <c r="A146" s="5" t="s">
        <v>527</v>
      </c>
      <c r="B146" s="7" t="s">
        <v>1352</v>
      </c>
      <c r="C146" s="3" t="s">
        <v>1353</v>
      </c>
      <c r="D146" s="3" t="s">
        <v>1354</v>
      </c>
      <c r="E146" s="3" t="s">
        <v>1355</v>
      </c>
      <c r="F146" s="3" t="s">
        <v>1355</v>
      </c>
      <c r="G146" s="3" t="s">
        <v>1356</v>
      </c>
      <c r="H146" s="3" t="s">
        <v>1357</v>
      </c>
      <c r="I146" s="3" t="s">
        <v>1358</v>
      </c>
      <c r="J146" s="3" t="s">
        <v>1358</v>
      </c>
      <c r="K146" s="3" t="s">
        <v>1359</v>
      </c>
      <c r="L146" s="3" t="s">
        <v>1360</v>
      </c>
    </row>
    <row r="147" spans="1:12" x14ac:dyDescent="0.25">
      <c r="A147" s="4" t="s">
        <v>529</v>
      </c>
      <c r="B147" s="6" t="s">
        <v>1361</v>
      </c>
      <c r="C147" s="2" t="s">
        <v>1362</v>
      </c>
      <c r="D147" s="2" t="s">
        <v>1363</v>
      </c>
      <c r="E147" s="2" t="s">
        <v>1364</v>
      </c>
      <c r="F147" s="2" t="s">
        <v>1364</v>
      </c>
      <c r="G147" s="2" t="s">
        <v>1365</v>
      </c>
      <c r="H147" s="2" t="s">
        <v>1366</v>
      </c>
      <c r="I147" s="2" t="s">
        <v>1367</v>
      </c>
      <c r="J147" s="2" t="s">
        <v>1367</v>
      </c>
      <c r="K147" s="2" t="s">
        <v>1368</v>
      </c>
      <c r="L147" s="2" t="s">
        <v>1369</v>
      </c>
    </row>
    <row r="148" spans="1:12" x14ac:dyDescent="0.25">
      <c r="A148" s="4" t="s">
        <v>531</v>
      </c>
      <c r="B148" s="6" t="s">
        <v>861</v>
      </c>
      <c r="C148" s="2" t="s">
        <v>1370</v>
      </c>
      <c r="D148" s="2" t="s">
        <v>1370</v>
      </c>
      <c r="E148" s="2" t="s">
        <v>1371</v>
      </c>
      <c r="F148" s="2" t="s">
        <v>1371</v>
      </c>
      <c r="G148" s="2" t="s">
        <v>1372</v>
      </c>
      <c r="H148" s="2" t="s">
        <v>1373</v>
      </c>
      <c r="I148" s="2" t="s">
        <v>1374</v>
      </c>
      <c r="J148" s="2" t="s">
        <v>1374</v>
      </c>
      <c r="K148" s="2" t="s">
        <v>1375</v>
      </c>
      <c r="L148" s="2" t="s">
        <v>1376</v>
      </c>
    </row>
    <row r="149" spans="1:12" x14ac:dyDescent="0.25">
      <c r="A149" s="4" t="s">
        <v>533</v>
      </c>
      <c r="B149" s="6" t="s">
        <v>1377</v>
      </c>
      <c r="C149" s="2" t="s">
        <v>1378</v>
      </c>
      <c r="D149" s="2" t="s">
        <v>1378</v>
      </c>
      <c r="E149" s="2" t="s">
        <v>51</v>
      </c>
      <c r="F149" s="2" t="s">
        <v>51</v>
      </c>
      <c r="G149" s="2" t="s">
        <v>51</v>
      </c>
      <c r="H149" s="2" t="s">
        <v>1378</v>
      </c>
      <c r="I149" s="2" t="s">
        <v>51</v>
      </c>
      <c r="J149" s="2" t="s">
        <v>51</v>
      </c>
      <c r="K149" s="2" t="s">
        <v>51</v>
      </c>
      <c r="L149" s="2" t="s">
        <v>1378</v>
      </c>
    </row>
    <row r="150" spans="1:12" x14ac:dyDescent="0.25">
      <c r="A150" s="4" t="s">
        <v>535</v>
      </c>
      <c r="B150" s="6" t="s">
        <v>1379</v>
      </c>
      <c r="C150" s="2" t="s">
        <v>1380</v>
      </c>
      <c r="D150" s="2" t="s">
        <v>1380</v>
      </c>
      <c r="E150" s="2" t="s">
        <v>1381</v>
      </c>
      <c r="F150" s="2" t="s">
        <v>1381</v>
      </c>
      <c r="G150" s="2" t="s">
        <v>922</v>
      </c>
      <c r="H150" s="2" t="s">
        <v>1382</v>
      </c>
      <c r="I150" s="2" t="s">
        <v>1381</v>
      </c>
      <c r="J150" s="2" t="s">
        <v>1381</v>
      </c>
      <c r="K150" s="2" t="s">
        <v>1383</v>
      </c>
      <c r="L150" s="2" t="s">
        <v>1382</v>
      </c>
    </row>
    <row r="151" spans="1:12" x14ac:dyDescent="0.25">
      <c r="A151" s="4" t="s">
        <v>537</v>
      </c>
      <c r="B151" s="6" t="s">
        <v>718</v>
      </c>
      <c r="C151" s="2" t="s">
        <v>1384</v>
      </c>
      <c r="D151" s="2" t="s">
        <v>1385</v>
      </c>
      <c r="E151" s="2" t="s">
        <v>1386</v>
      </c>
      <c r="F151" s="2" t="s">
        <v>1386</v>
      </c>
      <c r="G151" s="2" t="s">
        <v>1387</v>
      </c>
      <c r="H151" s="2" t="s">
        <v>1388</v>
      </c>
      <c r="I151" s="2" t="s">
        <v>1389</v>
      </c>
      <c r="J151" s="2" t="s">
        <v>1389</v>
      </c>
      <c r="K151" s="2" t="s">
        <v>1390</v>
      </c>
      <c r="L151" s="2" t="s">
        <v>1391</v>
      </c>
    </row>
    <row r="152" spans="1:12" x14ac:dyDescent="0.25">
      <c r="A152" s="5" t="s">
        <v>539</v>
      </c>
      <c r="B152" s="7" t="s">
        <v>1392</v>
      </c>
      <c r="C152" s="3" t="s">
        <v>417</v>
      </c>
      <c r="D152" s="3" t="s">
        <v>418</v>
      </c>
      <c r="E152" s="3" t="s">
        <v>51</v>
      </c>
      <c r="F152" s="3" t="s">
        <v>51</v>
      </c>
      <c r="G152" s="3" t="s">
        <v>51</v>
      </c>
      <c r="H152" s="3" t="s">
        <v>418</v>
      </c>
      <c r="I152" s="3" t="s">
        <v>51</v>
      </c>
      <c r="J152" s="3" t="s">
        <v>51</v>
      </c>
      <c r="K152" s="3" t="s">
        <v>51</v>
      </c>
      <c r="L152" s="3" t="s">
        <v>418</v>
      </c>
    </row>
    <row r="153" spans="1:12" x14ac:dyDescent="0.25">
      <c r="A153" s="4" t="s">
        <v>541</v>
      </c>
      <c r="B153" s="6" t="s">
        <v>1393</v>
      </c>
      <c r="C153" s="2" t="s">
        <v>457</v>
      </c>
      <c r="D153" s="2" t="s">
        <v>458</v>
      </c>
      <c r="E153" s="2" t="s">
        <v>51</v>
      </c>
      <c r="F153" s="2" t="s">
        <v>51</v>
      </c>
      <c r="G153" s="2" t="s">
        <v>51</v>
      </c>
      <c r="H153" s="2" t="s">
        <v>458</v>
      </c>
      <c r="I153" s="2" t="s">
        <v>51</v>
      </c>
      <c r="J153" s="2" t="s">
        <v>51</v>
      </c>
      <c r="K153" s="2" t="s">
        <v>51</v>
      </c>
      <c r="L153" s="2" t="s">
        <v>458</v>
      </c>
    </row>
    <row r="154" spans="1:12" x14ac:dyDescent="0.25">
      <c r="A154" s="4" t="s">
        <v>548</v>
      </c>
      <c r="B154" s="6" t="s">
        <v>1394</v>
      </c>
      <c r="C154" s="2" t="s">
        <v>1395</v>
      </c>
      <c r="D154" s="2" t="s">
        <v>1395</v>
      </c>
      <c r="E154" s="2" t="s">
        <v>51</v>
      </c>
      <c r="F154" s="2" t="s">
        <v>51</v>
      </c>
      <c r="G154" s="2" t="s">
        <v>51</v>
      </c>
      <c r="H154" s="2" t="s">
        <v>1395</v>
      </c>
      <c r="I154" s="2" t="s">
        <v>51</v>
      </c>
      <c r="J154" s="2" t="s">
        <v>51</v>
      </c>
      <c r="K154" s="2" t="s">
        <v>51</v>
      </c>
      <c r="L154" s="2" t="s">
        <v>1395</v>
      </c>
    </row>
    <row r="155" spans="1:12" x14ac:dyDescent="0.25">
      <c r="A155" s="5" t="s">
        <v>550</v>
      </c>
      <c r="B155" s="7" t="s">
        <v>1396</v>
      </c>
      <c r="C155" s="3" t="s">
        <v>421</v>
      </c>
      <c r="D155" s="3" t="s">
        <v>422</v>
      </c>
      <c r="E155" s="3" t="s">
        <v>423</v>
      </c>
      <c r="F155" s="3" t="s">
        <v>423</v>
      </c>
      <c r="G155" s="3" t="s">
        <v>1397</v>
      </c>
      <c r="H155" s="3" t="s">
        <v>424</v>
      </c>
      <c r="I155" s="3" t="s">
        <v>425</v>
      </c>
      <c r="J155" s="3" t="s">
        <v>425</v>
      </c>
      <c r="K155" s="3" t="s">
        <v>1397</v>
      </c>
      <c r="L155" s="3" t="s">
        <v>426</v>
      </c>
    </row>
    <row r="156" spans="1:12" x14ac:dyDescent="0.25">
      <c r="A156" s="5" t="s">
        <v>552</v>
      </c>
      <c r="B156" s="7" t="s">
        <v>643</v>
      </c>
      <c r="C156" s="3" t="s">
        <v>1398</v>
      </c>
      <c r="D156" s="3" t="s">
        <v>1399</v>
      </c>
      <c r="E156" s="3" t="s">
        <v>1400</v>
      </c>
      <c r="F156" s="3" t="s">
        <v>1400</v>
      </c>
      <c r="G156" s="3" t="s">
        <v>1401</v>
      </c>
      <c r="H156" s="3" t="s">
        <v>1402</v>
      </c>
      <c r="I156" s="3" t="s">
        <v>1400</v>
      </c>
      <c r="J156" s="3" t="s">
        <v>1400</v>
      </c>
      <c r="K156" s="3" t="s">
        <v>1403</v>
      </c>
      <c r="L156" s="3" t="s">
        <v>1402</v>
      </c>
    </row>
    <row r="157" spans="1:12" x14ac:dyDescent="0.25">
      <c r="A157" s="4" t="s">
        <v>554</v>
      </c>
      <c r="B157" s="6" t="s">
        <v>651</v>
      </c>
      <c r="C157" s="2" t="s">
        <v>1404</v>
      </c>
      <c r="D157" s="2" t="s">
        <v>1405</v>
      </c>
      <c r="E157" s="2" t="s">
        <v>1406</v>
      </c>
      <c r="F157" s="2" t="s">
        <v>1406</v>
      </c>
      <c r="G157" s="2" t="s">
        <v>1407</v>
      </c>
      <c r="H157" s="2" t="s">
        <v>1408</v>
      </c>
      <c r="I157" s="2" t="s">
        <v>1406</v>
      </c>
      <c r="J157" s="2" t="s">
        <v>1406</v>
      </c>
      <c r="K157" s="2" t="s">
        <v>1409</v>
      </c>
      <c r="L157" s="2" t="s">
        <v>1408</v>
      </c>
    </row>
    <row r="158" spans="1:12" x14ac:dyDescent="0.25">
      <c r="A158" s="4" t="s">
        <v>556</v>
      </c>
      <c r="B158" s="6" t="s">
        <v>660</v>
      </c>
      <c r="C158" s="2" t="s">
        <v>1410</v>
      </c>
      <c r="D158" s="2" t="s">
        <v>1410</v>
      </c>
      <c r="E158" s="2" t="s">
        <v>1411</v>
      </c>
      <c r="F158" s="2" t="s">
        <v>1411</v>
      </c>
      <c r="G158" s="2" t="s">
        <v>1412</v>
      </c>
      <c r="H158" s="2" t="s">
        <v>1413</v>
      </c>
      <c r="I158" s="2" t="s">
        <v>1411</v>
      </c>
      <c r="J158" s="2" t="s">
        <v>1411</v>
      </c>
      <c r="K158" s="2" t="s">
        <v>1414</v>
      </c>
      <c r="L158" s="2" t="s">
        <v>1413</v>
      </c>
    </row>
    <row r="159" spans="1:12" x14ac:dyDescent="0.25">
      <c r="A159" s="5" t="s">
        <v>558</v>
      </c>
      <c r="B159" s="7" t="s">
        <v>668</v>
      </c>
      <c r="C159" s="3" t="s">
        <v>1415</v>
      </c>
      <c r="D159" s="3" t="s">
        <v>1416</v>
      </c>
      <c r="E159" s="3" t="s">
        <v>1417</v>
      </c>
      <c r="F159" s="3" t="s">
        <v>1417</v>
      </c>
      <c r="G159" s="3" t="s">
        <v>1418</v>
      </c>
      <c r="H159" s="3" t="s">
        <v>1419</v>
      </c>
      <c r="I159" s="3" t="s">
        <v>1420</v>
      </c>
      <c r="J159" s="3" t="s">
        <v>1420</v>
      </c>
      <c r="K159" s="3" t="s">
        <v>1421</v>
      </c>
      <c r="L159" s="3" t="s">
        <v>1422</v>
      </c>
    </row>
    <row r="160" spans="1:12" x14ac:dyDescent="0.25">
      <c r="A160" s="4" t="s">
        <v>560</v>
      </c>
      <c r="B160" s="6" t="s">
        <v>677</v>
      </c>
      <c r="C160" s="2" t="s">
        <v>51</v>
      </c>
      <c r="D160" s="2" t="s">
        <v>51</v>
      </c>
      <c r="E160" s="2" t="s">
        <v>51</v>
      </c>
      <c r="F160" s="2" t="s">
        <v>51</v>
      </c>
      <c r="G160" s="2" t="s">
        <v>51</v>
      </c>
      <c r="H160" s="2" t="s">
        <v>51</v>
      </c>
      <c r="I160" s="2" t="s">
        <v>51</v>
      </c>
      <c r="J160" s="2" t="s">
        <v>51</v>
      </c>
      <c r="K160" s="2" t="s">
        <v>51</v>
      </c>
      <c r="L160" s="2" t="s">
        <v>51</v>
      </c>
    </row>
    <row r="161" spans="1:12" x14ac:dyDescent="0.25">
      <c r="A161" s="4" t="s">
        <v>562</v>
      </c>
      <c r="B161" s="6" t="s">
        <v>686</v>
      </c>
      <c r="C161" s="2" t="s">
        <v>1415</v>
      </c>
      <c r="D161" s="2" t="s">
        <v>1416</v>
      </c>
      <c r="E161" s="2" t="s">
        <v>1417</v>
      </c>
      <c r="F161" s="2" t="s">
        <v>1417</v>
      </c>
      <c r="G161" s="2" t="s">
        <v>1418</v>
      </c>
      <c r="H161" s="2" t="s">
        <v>1419</v>
      </c>
      <c r="I161" s="2" t="s">
        <v>1420</v>
      </c>
      <c r="J161" s="2" t="s">
        <v>1420</v>
      </c>
      <c r="K161" s="2" t="s">
        <v>1421</v>
      </c>
      <c r="L161" s="2" t="s">
        <v>1422</v>
      </c>
    </row>
    <row r="162" spans="1:12" x14ac:dyDescent="0.25">
      <c r="A162" s="5" t="s">
        <v>564</v>
      </c>
      <c r="B162" s="7" t="s">
        <v>722</v>
      </c>
      <c r="C162" s="3" t="s">
        <v>1423</v>
      </c>
      <c r="D162" s="3" t="s">
        <v>1424</v>
      </c>
      <c r="E162" s="3" t="s">
        <v>1425</v>
      </c>
      <c r="F162" s="3" t="s">
        <v>1425</v>
      </c>
      <c r="G162" s="3" t="s">
        <v>1426</v>
      </c>
      <c r="H162" s="3" t="s">
        <v>1427</v>
      </c>
      <c r="I162" s="3" t="s">
        <v>1428</v>
      </c>
      <c r="J162" s="3" t="s">
        <v>1428</v>
      </c>
      <c r="K162" s="3" t="s">
        <v>1429</v>
      </c>
      <c r="L162" s="3" t="s">
        <v>1430</v>
      </c>
    </row>
    <row r="163" spans="1:12" x14ac:dyDescent="0.25">
      <c r="A163" s="4" t="s">
        <v>566</v>
      </c>
      <c r="B163" s="6" t="s">
        <v>731</v>
      </c>
      <c r="C163" s="2" t="s">
        <v>1431</v>
      </c>
      <c r="D163" s="2" t="s">
        <v>1432</v>
      </c>
      <c r="E163" s="2" t="s">
        <v>1433</v>
      </c>
      <c r="F163" s="2" t="s">
        <v>1433</v>
      </c>
      <c r="G163" s="2" t="s">
        <v>1434</v>
      </c>
      <c r="H163" s="2" t="s">
        <v>1435</v>
      </c>
      <c r="I163" s="2" t="s">
        <v>1436</v>
      </c>
      <c r="J163" s="2" t="s">
        <v>1436</v>
      </c>
      <c r="K163" s="2" t="s">
        <v>1437</v>
      </c>
      <c r="L163" s="2" t="s">
        <v>1438</v>
      </c>
    </row>
    <row r="164" spans="1:12" x14ac:dyDescent="0.25">
      <c r="A164" s="4" t="s">
        <v>568</v>
      </c>
      <c r="B164" s="6" t="s">
        <v>740</v>
      </c>
      <c r="C164" s="2" t="s">
        <v>1439</v>
      </c>
      <c r="D164" s="2" t="s">
        <v>1440</v>
      </c>
      <c r="E164" s="2" t="s">
        <v>1441</v>
      </c>
      <c r="F164" s="2" t="s">
        <v>1441</v>
      </c>
      <c r="G164" s="2" t="s">
        <v>1442</v>
      </c>
      <c r="H164" s="2" t="s">
        <v>1443</v>
      </c>
      <c r="I164" s="2" t="s">
        <v>1444</v>
      </c>
      <c r="J164" s="2" t="s">
        <v>1444</v>
      </c>
      <c r="K164" s="2" t="s">
        <v>1445</v>
      </c>
      <c r="L164" s="2" t="s">
        <v>1446</v>
      </c>
    </row>
    <row r="165" spans="1:12" x14ac:dyDescent="0.25">
      <c r="A165" s="4" t="s">
        <v>570</v>
      </c>
      <c r="B165" s="6" t="s">
        <v>703</v>
      </c>
      <c r="C165" s="2" t="s">
        <v>1447</v>
      </c>
      <c r="D165" s="2" t="s">
        <v>1447</v>
      </c>
      <c r="E165" s="2" t="s">
        <v>51</v>
      </c>
      <c r="F165" s="2" t="s">
        <v>51</v>
      </c>
      <c r="G165" s="2" t="s">
        <v>51</v>
      </c>
      <c r="H165" s="2" t="s">
        <v>1447</v>
      </c>
      <c r="I165" s="2" t="s">
        <v>51</v>
      </c>
      <c r="J165" s="2" t="s">
        <v>51</v>
      </c>
      <c r="K165" s="2" t="s">
        <v>51</v>
      </c>
      <c r="L165" s="2" t="s">
        <v>1447</v>
      </c>
    </row>
    <row r="166" spans="1:12" x14ac:dyDescent="0.25">
      <c r="A166" s="4" t="s">
        <v>572</v>
      </c>
      <c r="B166" s="6" t="s">
        <v>761</v>
      </c>
      <c r="C166" s="2" t="s">
        <v>1448</v>
      </c>
      <c r="D166" s="2" t="s">
        <v>1449</v>
      </c>
      <c r="E166" s="2" t="s">
        <v>1450</v>
      </c>
      <c r="F166" s="2" t="s">
        <v>1450</v>
      </c>
      <c r="G166" s="2" t="s">
        <v>1451</v>
      </c>
      <c r="H166" s="2" t="s">
        <v>1452</v>
      </c>
      <c r="I166" s="2" t="s">
        <v>1450</v>
      </c>
      <c r="J166" s="2" t="s">
        <v>1450</v>
      </c>
      <c r="K166" s="2" t="s">
        <v>1453</v>
      </c>
      <c r="L166" s="2" t="s">
        <v>1452</v>
      </c>
    </row>
    <row r="167" spans="1:12" x14ac:dyDescent="0.25">
      <c r="A167" s="5" t="s">
        <v>574</v>
      </c>
      <c r="B167" s="7" t="s">
        <v>777</v>
      </c>
      <c r="C167" s="3" t="s">
        <v>1454</v>
      </c>
      <c r="D167" s="3" t="s">
        <v>1455</v>
      </c>
      <c r="E167" s="3" t="s">
        <v>1456</v>
      </c>
      <c r="F167" s="3" t="s">
        <v>1456</v>
      </c>
      <c r="G167" s="3" t="s">
        <v>1457</v>
      </c>
      <c r="H167" s="3" t="s">
        <v>1458</v>
      </c>
      <c r="I167" s="3" t="s">
        <v>1459</v>
      </c>
      <c r="J167" s="3" t="s">
        <v>1459</v>
      </c>
      <c r="K167" s="3" t="s">
        <v>1460</v>
      </c>
      <c r="L167" s="3" t="s">
        <v>1461</v>
      </c>
    </row>
    <row r="168" spans="1:12" x14ac:dyDescent="0.25">
      <c r="A168" s="4" t="s">
        <v>576</v>
      </c>
      <c r="B168" s="6" t="s">
        <v>686</v>
      </c>
      <c r="C168" s="2" t="s">
        <v>1462</v>
      </c>
      <c r="D168" s="2" t="s">
        <v>1463</v>
      </c>
      <c r="E168" s="2" t="s">
        <v>1464</v>
      </c>
      <c r="F168" s="2" t="s">
        <v>1464</v>
      </c>
      <c r="G168" s="2" t="s">
        <v>1465</v>
      </c>
      <c r="H168" s="2" t="s">
        <v>1466</v>
      </c>
      <c r="I168" s="2" t="s">
        <v>1467</v>
      </c>
      <c r="J168" s="2" t="s">
        <v>1467</v>
      </c>
      <c r="K168" s="2" t="s">
        <v>1468</v>
      </c>
      <c r="L168" s="2" t="s">
        <v>1469</v>
      </c>
    </row>
    <row r="169" spans="1:12" x14ac:dyDescent="0.25">
      <c r="A169" s="4" t="s">
        <v>577</v>
      </c>
      <c r="B169" s="6" t="s">
        <v>794</v>
      </c>
      <c r="C169" s="2" t="s">
        <v>1470</v>
      </c>
      <c r="D169" s="2" t="s">
        <v>1471</v>
      </c>
      <c r="E169" s="2" t="s">
        <v>1472</v>
      </c>
      <c r="F169" s="2" t="s">
        <v>1472</v>
      </c>
      <c r="G169" s="2" t="s">
        <v>751</v>
      </c>
      <c r="H169" s="2" t="s">
        <v>1473</v>
      </c>
      <c r="I169" s="2" t="s">
        <v>1472</v>
      </c>
      <c r="J169" s="2" t="s">
        <v>1472</v>
      </c>
      <c r="K169" s="2" t="s">
        <v>1123</v>
      </c>
      <c r="L169" s="2" t="s">
        <v>1473</v>
      </c>
    </row>
    <row r="170" spans="1:12" x14ac:dyDescent="0.25">
      <c r="A170" s="4" t="s">
        <v>578</v>
      </c>
      <c r="B170" s="6" t="s">
        <v>803</v>
      </c>
      <c r="C170" s="2" t="s">
        <v>1474</v>
      </c>
      <c r="D170" s="2" t="s">
        <v>1475</v>
      </c>
      <c r="E170" s="2" t="s">
        <v>1476</v>
      </c>
      <c r="F170" s="2" t="s">
        <v>1476</v>
      </c>
      <c r="G170" s="2" t="s">
        <v>922</v>
      </c>
      <c r="H170" s="2" t="s">
        <v>1477</v>
      </c>
      <c r="I170" s="2" t="s">
        <v>1476</v>
      </c>
      <c r="J170" s="2" t="s">
        <v>1476</v>
      </c>
      <c r="K170" s="2" t="s">
        <v>1478</v>
      </c>
      <c r="L170" s="2" t="s">
        <v>1477</v>
      </c>
    </row>
    <row r="171" spans="1:12" x14ac:dyDescent="0.25">
      <c r="A171" s="5" t="s">
        <v>579</v>
      </c>
      <c r="B171" s="7" t="s">
        <v>814</v>
      </c>
      <c r="C171" s="3" t="s">
        <v>1479</v>
      </c>
      <c r="D171" s="3" t="s">
        <v>1480</v>
      </c>
      <c r="E171" s="3" t="s">
        <v>1481</v>
      </c>
      <c r="F171" s="3" t="s">
        <v>1481</v>
      </c>
      <c r="G171" s="3" t="s">
        <v>1482</v>
      </c>
      <c r="H171" s="3" t="s">
        <v>1483</v>
      </c>
      <c r="I171" s="3" t="s">
        <v>1484</v>
      </c>
      <c r="J171" s="3" t="s">
        <v>1484</v>
      </c>
      <c r="K171" s="3" t="s">
        <v>1485</v>
      </c>
      <c r="L171" s="3" t="s">
        <v>1486</v>
      </c>
    </row>
    <row r="172" spans="1:12" x14ac:dyDescent="0.25">
      <c r="A172" s="4" t="s">
        <v>580</v>
      </c>
      <c r="B172" s="6" t="s">
        <v>823</v>
      </c>
      <c r="C172" s="2" t="s">
        <v>1479</v>
      </c>
      <c r="D172" s="2" t="s">
        <v>1480</v>
      </c>
      <c r="E172" s="2" t="s">
        <v>1481</v>
      </c>
      <c r="F172" s="2" t="s">
        <v>1481</v>
      </c>
      <c r="G172" s="2" t="s">
        <v>1482</v>
      </c>
      <c r="H172" s="2" t="s">
        <v>1483</v>
      </c>
      <c r="I172" s="2" t="s">
        <v>1484</v>
      </c>
      <c r="J172" s="2" t="s">
        <v>1484</v>
      </c>
      <c r="K172" s="2" t="s">
        <v>1485</v>
      </c>
      <c r="L172" s="2" t="s">
        <v>1486</v>
      </c>
    </row>
    <row r="173" spans="1:12" x14ac:dyDescent="0.25">
      <c r="A173" s="5" t="s">
        <v>581</v>
      </c>
      <c r="B173" s="7" t="s">
        <v>835</v>
      </c>
      <c r="C173" s="3" t="s">
        <v>1487</v>
      </c>
      <c r="D173" s="3" t="s">
        <v>1487</v>
      </c>
      <c r="E173" s="3" t="s">
        <v>1488</v>
      </c>
      <c r="F173" s="3" t="s">
        <v>1488</v>
      </c>
      <c r="G173" s="3" t="s">
        <v>1489</v>
      </c>
      <c r="H173" s="3" t="s">
        <v>1490</v>
      </c>
      <c r="I173" s="3" t="s">
        <v>1488</v>
      </c>
      <c r="J173" s="3" t="s">
        <v>1488</v>
      </c>
      <c r="K173" s="3" t="s">
        <v>1491</v>
      </c>
      <c r="L173" s="3" t="s">
        <v>1490</v>
      </c>
    </row>
    <row r="174" spans="1:12" x14ac:dyDescent="0.25">
      <c r="A174" s="4" t="s">
        <v>582</v>
      </c>
      <c r="B174" s="6" t="s">
        <v>845</v>
      </c>
      <c r="C174" s="2" t="s">
        <v>1487</v>
      </c>
      <c r="D174" s="2" t="s">
        <v>1487</v>
      </c>
      <c r="E174" s="2" t="s">
        <v>1488</v>
      </c>
      <c r="F174" s="2" t="s">
        <v>1488</v>
      </c>
      <c r="G174" s="2" t="s">
        <v>1489</v>
      </c>
      <c r="H174" s="2" t="s">
        <v>1490</v>
      </c>
      <c r="I174" s="2" t="s">
        <v>1488</v>
      </c>
      <c r="J174" s="2" t="s">
        <v>1488</v>
      </c>
      <c r="K174" s="2" t="s">
        <v>1491</v>
      </c>
      <c r="L174" s="2" t="s">
        <v>1490</v>
      </c>
    </row>
    <row r="175" spans="1:12" x14ac:dyDescent="0.25">
      <c r="A175" s="5" t="s">
        <v>583</v>
      </c>
      <c r="B175" s="7" t="s">
        <v>865</v>
      </c>
      <c r="C175" s="3" t="s">
        <v>1492</v>
      </c>
      <c r="D175" s="3" t="s">
        <v>1493</v>
      </c>
      <c r="E175" s="3" t="s">
        <v>1494</v>
      </c>
      <c r="F175" s="3" t="s">
        <v>1494</v>
      </c>
      <c r="G175" s="3" t="s">
        <v>714</v>
      </c>
      <c r="H175" s="3" t="s">
        <v>1495</v>
      </c>
      <c r="I175" s="3" t="s">
        <v>1496</v>
      </c>
      <c r="J175" s="3" t="s">
        <v>1496</v>
      </c>
      <c r="K175" s="3" t="s">
        <v>714</v>
      </c>
      <c r="L175" s="3" t="s">
        <v>1497</v>
      </c>
    </row>
    <row r="176" spans="1:12" x14ac:dyDescent="0.25">
      <c r="A176" s="4" t="s">
        <v>584</v>
      </c>
      <c r="B176" s="6" t="s">
        <v>874</v>
      </c>
      <c r="C176" s="2" t="s">
        <v>1492</v>
      </c>
      <c r="D176" s="2" t="s">
        <v>1493</v>
      </c>
      <c r="E176" s="2" t="s">
        <v>1494</v>
      </c>
      <c r="F176" s="2" t="s">
        <v>1494</v>
      </c>
      <c r="G176" s="2" t="s">
        <v>714</v>
      </c>
      <c r="H176" s="2" t="s">
        <v>1495</v>
      </c>
      <c r="I176" s="2" t="s">
        <v>1496</v>
      </c>
      <c r="J176" s="2" t="s">
        <v>1496</v>
      </c>
      <c r="K176" s="2" t="s">
        <v>714</v>
      </c>
      <c r="L176" s="2" t="s">
        <v>1497</v>
      </c>
    </row>
    <row r="177" spans="1:12" x14ac:dyDescent="0.25">
      <c r="A177" s="5" t="s">
        <v>586</v>
      </c>
      <c r="B177" s="7" t="s">
        <v>875</v>
      </c>
      <c r="C177" s="3" t="s">
        <v>1498</v>
      </c>
      <c r="D177" s="3" t="s">
        <v>1499</v>
      </c>
      <c r="E177" s="3" t="s">
        <v>1500</v>
      </c>
      <c r="F177" s="3" t="s">
        <v>1500</v>
      </c>
      <c r="G177" s="3" t="s">
        <v>191</v>
      </c>
      <c r="H177" s="3" t="s">
        <v>1501</v>
      </c>
      <c r="I177" s="3" t="s">
        <v>1502</v>
      </c>
      <c r="J177" s="3" t="s">
        <v>1502</v>
      </c>
      <c r="K177" s="3" t="s">
        <v>1503</v>
      </c>
      <c r="L177" s="3" t="s">
        <v>1504</v>
      </c>
    </row>
    <row r="178" spans="1:12" x14ac:dyDescent="0.25">
      <c r="A178" s="4" t="s">
        <v>588</v>
      </c>
      <c r="B178" s="6" t="s">
        <v>686</v>
      </c>
      <c r="C178" s="2" t="s">
        <v>1505</v>
      </c>
      <c r="D178" s="2" t="s">
        <v>1506</v>
      </c>
      <c r="E178" s="2" t="s">
        <v>1500</v>
      </c>
      <c r="F178" s="2" t="s">
        <v>1500</v>
      </c>
      <c r="G178" s="2" t="s">
        <v>191</v>
      </c>
      <c r="H178" s="2" t="s">
        <v>1507</v>
      </c>
      <c r="I178" s="2" t="s">
        <v>1502</v>
      </c>
      <c r="J178" s="2" t="s">
        <v>1502</v>
      </c>
      <c r="K178" s="2" t="s">
        <v>1503</v>
      </c>
      <c r="L178" s="2" t="s">
        <v>1508</v>
      </c>
    </row>
    <row r="179" spans="1:12" x14ac:dyDescent="0.25">
      <c r="A179" s="4" t="s">
        <v>590</v>
      </c>
      <c r="B179" s="6" t="s">
        <v>898</v>
      </c>
      <c r="C179" s="2" t="s">
        <v>1509</v>
      </c>
      <c r="D179" s="2" t="s">
        <v>1509</v>
      </c>
      <c r="E179" s="2" t="s">
        <v>51</v>
      </c>
      <c r="F179" s="2" t="s">
        <v>51</v>
      </c>
      <c r="G179" s="2" t="s">
        <v>51</v>
      </c>
      <c r="H179" s="2" t="s">
        <v>1509</v>
      </c>
      <c r="I179" s="2" t="s">
        <v>51</v>
      </c>
      <c r="J179" s="2" t="s">
        <v>51</v>
      </c>
      <c r="K179" s="2" t="s">
        <v>51</v>
      </c>
      <c r="L179" s="2" t="s">
        <v>1509</v>
      </c>
    </row>
    <row r="180" spans="1:12" x14ac:dyDescent="0.25">
      <c r="A180" s="4" t="s">
        <v>592</v>
      </c>
      <c r="B180" s="6" t="s">
        <v>906</v>
      </c>
      <c r="C180" s="2" t="s">
        <v>51</v>
      </c>
      <c r="D180" s="2" t="s">
        <v>51</v>
      </c>
      <c r="E180" s="2" t="s">
        <v>51</v>
      </c>
      <c r="F180" s="2" t="s">
        <v>51</v>
      </c>
      <c r="G180" s="2" t="s">
        <v>51</v>
      </c>
      <c r="H180" s="2" t="s">
        <v>51</v>
      </c>
      <c r="I180" s="2" t="s">
        <v>51</v>
      </c>
      <c r="J180" s="2" t="s">
        <v>51</v>
      </c>
      <c r="K180" s="2" t="s">
        <v>51</v>
      </c>
      <c r="L180" s="2" t="s">
        <v>51</v>
      </c>
    </row>
    <row r="181" spans="1:12" x14ac:dyDescent="0.25">
      <c r="A181" s="4" t="s">
        <v>595</v>
      </c>
      <c r="B181" s="6" t="s">
        <v>925</v>
      </c>
      <c r="C181" s="2" t="s">
        <v>51</v>
      </c>
      <c r="D181" s="2" t="s">
        <v>51</v>
      </c>
      <c r="E181" s="2" t="s">
        <v>51</v>
      </c>
      <c r="F181" s="2" t="s">
        <v>51</v>
      </c>
      <c r="G181" s="2" t="s">
        <v>51</v>
      </c>
      <c r="H181" s="2" t="s">
        <v>51</v>
      </c>
      <c r="I181" s="2" t="s">
        <v>51</v>
      </c>
      <c r="J181" s="2" t="s">
        <v>51</v>
      </c>
      <c r="K181" s="2" t="s">
        <v>51</v>
      </c>
      <c r="L181" s="2" t="s">
        <v>51</v>
      </c>
    </row>
    <row r="182" spans="1:12" x14ac:dyDescent="0.25">
      <c r="A182" s="5" t="s">
        <v>597</v>
      </c>
      <c r="B182" s="7" t="s">
        <v>954</v>
      </c>
      <c r="C182" s="3" t="s">
        <v>1510</v>
      </c>
      <c r="D182" s="3" t="s">
        <v>1510</v>
      </c>
      <c r="E182" s="3" t="s">
        <v>1511</v>
      </c>
      <c r="F182" s="3" t="s">
        <v>1511</v>
      </c>
      <c r="G182" s="3" t="s">
        <v>856</v>
      </c>
      <c r="H182" s="3" t="s">
        <v>1512</v>
      </c>
      <c r="I182" s="3" t="s">
        <v>1513</v>
      </c>
      <c r="J182" s="3" t="s">
        <v>1513</v>
      </c>
      <c r="K182" s="3" t="s">
        <v>222</v>
      </c>
      <c r="L182" s="3" t="s">
        <v>1514</v>
      </c>
    </row>
    <row r="183" spans="1:12" x14ac:dyDescent="0.25">
      <c r="A183" s="4" t="s">
        <v>599</v>
      </c>
      <c r="B183" s="6" t="s">
        <v>686</v>
      </c>
      <c r="C183" s="2" t="s">
        <v>1510</v>
      </c>
      <c r="D183" s="2" t="s">
        <v>1510</v>
      </c>
      <c r="E183" s="2" t="s">
        <v>1511</v>
      </c>
      <c r="F183" s="2" t="s">
        <v>1511</v>
      </c>
      <c r="G183" s="2" t="s">
        <v>856</v>
      </c>
      <c r="H183" s="2" t="s">
        <v>1512</v>
      </c>
      <c r="I183" s="2" t="s">
        <v>1513</v>
      </c>
      <c r="J183" s="2" t="s">
        <v>1513</v>
      </c>
      <c r="K183" s="2" t="s">
        <v>222</v>
      </c>
      <c r="L183" s="2" t="s">
        <v>1514</v>
      </c>
    </row>
    <row r="184" spans="1:12" x14ac:dyDescent="0.25">
      <c r="A184" s="5" t="s">
        <v>608</v>
      </c>
      <c r="B184" s="7" t="s">
        <v>977</v>
      </c>
      <c r="C184" s="3" t="s">
        <v>1515</v>
      </c>
      <c r="D184" s="3" t="s">
        <v>1516</v>
      </c>
      <c r="E184" s="3" t="s">
        <v>1517</v>
      </c>
      <c r="F184" s="3" t="s">
        <v>1517</v>
      </c>
      <c r="G184" s="3" t="s">
        <v>1518</v>
      </c>
      <c r="H184" s="3" t="s">
        <v>1519</v>
      </c>
      <c r="I184" s="3" t="s">
        <v>1520</v>
      </c>
      <c r="J184" s="3" t="s">
        <v>1520</v>
      </c>
      <c r="K184" s="3" t="s">
        <v>1521</v>
      </c>
      <c r="L184" s="3" t="s">
        <v>1522</v>
      </c>
    </row>
    <row r="185" spans="1:12" x14ac:dyDescent="0.25">
      <c r="A185" s="4" t="s">
        <v>610</v>
      </c>
      <c r="B185" s="6" t="s">
        <v>686</v>
      </c>
      <c r="C185" s="2" t="s">
        <v>1515</v>
      </c>
      <c r="D185" s="2" t="s">
        <v>1516</v>
      </c>
      <c r="E185" s="2" t="s">
        <v>1517</v>
      </c>
      <c r="F185" s="2" t="s">
        <v>1517</v>
      </c>
      <c r="G185" s="2" t="s">
        <v>1518</v>
      </c>
      <c r="H185" s="2" t="s">
        <v>1519</v>
      </c>
      <c r="I185" s="2" t="s">
        <v>1520</v>
      </c>
      <c r="J185" s="2" t="s">
        <v>1520</v>
      </c>
      <c r="K185" s="2" t="s">
        <v>1521</v>
      </c>
      <c r="L185" s="2" t="s">
        <v>1522</v>
      </c>
    </row>
    <row r="186" spans="1:12" x14ac:dyDescent="0.25">
      <c r="A186" s="5" t="s">
        <v>619</v>
      </c>
      <c r="B186" s="7" t="s">
        <v>1051</v>
      </c>
      <c r="C186" s="3" t="s">
        <v>1523</v>
      </c>
      <c r="D186" s="3" t="s">
        <v>1523</v>
      </c>
      <c r="E186" s="3" t="s">
        <v>1524</v>
      </c>
      <c r="F186" s="3" t="s">
        <v>1524</v>
      </c>
      <c r="G186" s="3" t="s">
        <v>759</v>
      </c>
      <c r="H186" s="3" t="s">
        <v>1525</v>
      </c>
      <c r="I186" s="3" t="s">
        <v>1524</v>
      </c>
      <c r="J186" s="3" t="s">
        <v>1524</v>
      </c>
      <c r="K186" s="3" t="s">
        <v>1107</v>
      </c>
      <c r="L186" s="3" t="s">
        <v>1525</v>
      </c>
    </row>
    <row r="187" spans="1:12" x14ac:dyDescent="0.25">
      <c r="A187" s="4" t="s">
        <v>621</v>
      </c>
      <c r="B187" s="6" t="s">
        <v>1059</v>
      </c>
      <c r="C187" s="2" t="s">
        <v>1523</v>
      </c>
      <c r="D187" s="2" t="s">
        <v>1523</v>
      </c>
      <c r="E187" s="2" t="s">
        <v>1524</v>
      </c>
      <c r="F187" s="2" t="s">
        <v>1524</v>
      </c>
      <c r="G187" s="2" t="s">
        <v>759</v>
      </c>
      <c r="H187" s="2" t="s">
        <v>1525</v>
      </c>
      <c r="I187" s="2" t="s">
        <v>1524</v>
      </c>
      <c r="J187" s="2" t="s">
        <v>1524</v>
      </c>
      <c r="K187" s="2" t="s">
        <v>1107</v>
      </c>
      <c r="L187" s="2" t="s">
        <v>1525</v>
      </c>
    </row>
    <row r="188" spans="1:12" x14ac:dyDescent="0.25">
      <c r="A188" s="5" t="s">
        <v>623</v>
      </c>
      <c r="B188" s="7" t="s">
        <v>1070</v>
      </c>
      <c r="C188" s="3" t="s">
        <v>1526</v>
      </c>
      <c r="D188" s="3" t="s">
        <v>1527</v>
      </c>
      <c r="E188" s="3" t="s">
        <v>1528</v>
      </c>
      <c r="F188" s="3" t="s">
        <v>1528</v>
      </c>
      <c r="G188" s="3" t="s">
        <v>1529</v>
      </c>
      <c r="H188" s="3" t="s">
        <v>1530</v>
      </c>
      <c r="I188" s="3" t="s">
        <v>1531</v>
      </c>
      <c r="J188" s="3" t="s">
        <v>1531</v>
      </c>
      <c r="K188" s="3" t="s">
        <v>1532</v>
      </c>
      <c r="L188" s="3" t="s">
        <v>1533</v>
      </c>
    </row>
    <row r="189" spans="1:12" x14ac:dyDescent="0.25">
      <c r="A189" s="4" t="s">
        <v>625</v>
      </c>
      <c r="B189" s="6" t="s">
        <v>1079</v>
      </c>
      <c r="C189" s="2" t="s">
        <v>1534</v>
      </c>
      <c r="D189" s="2" t="s">
        <v>1535</v>
      </c>
      <c r="E189" s="2" t="s">
        <v>1536</v>
      </c>
      <c r="F189" s="2" t="s">
        <v>1536</v>
      </c>
      <c r="G189" s="2" t="s">
        <v>222</v>
      </c>
      <c r="H189" s="2" t="s">
        <v>1537</v>
      </c>
      <c r="I189" s="2" t="s">
        <v>1538</v>
      </c>
      <c r="J189" s="2" t="s">
        <v>1538</v>
      </c>
      <c r="K189" s="2" t="s">
        <v>1083</v>
      </c>
      <c r="L189" s="2" t="s">
        <v>1539</v>
      </c>
    </row>
    <row r="190" spans="1:12" x14ac:dyDescent="0.25">
      <c r="A190" s="4" t="s">
        <v>627</v>
      </c>
      <c r="B190" s="6" t="s">
        <v>1087</v>
      </c>
      <c r="C190" s="2" t="s">
        <v>1540</v>
      </c>
      <c r="D190" s="2" t="s">
        <v>1540</v>
      </c>
      <c r="E190" s="2" t="s">
        <v>1541</v>
      </c>
      <c r="F190" s="2" t="s">
        <v>1541</v>
      </c>
      <c r="G190" s="2" t="s">
        <v>681</v>
      </c>
      <c r="H190" s="2" t="s">
        <v>1542</v>
      </c>
      <c r="I190" s="2" t="s">
        <v>1543</v>
      </c>
      <c r="J190" s="2" t="s">
        <v>1543</v>
      </c>
      <c r="K190" s="2" t="s">
        <v>1544</v>
      </c>
      <c r="L190" s="2" t="s">
        <v>1545</v>
      </c>
    </row>
    <row r="191" spans="1:12" x14ac:dyDescent="0.25">
      <c r="A191" s="5" t="s">
        <v>1546</v>
      </c>
      <c r="B191" s="7" t="s">
        <v>1110</v>
      </c>
      <c r="C191" s="3" t="s">
        <v>1547</v>
      </c>
      <c r="D191" s="3" t="s">
        <v>1547</v>
      </c>
      <c r="E191" s="3" t="s">
        <v>1548</v>
      </c>
      <c r="F191" s="3" t="s">
        <v>1548</v>
      </c>
      <c r="G191" s="3" t="s">
        <v>751</v>
      </c>
      <c r="H191" s="3" t="s">
        <v>1549</v>
      </c>
      <c r="I191" s="3" t="s">
        <v>1548</v>
      </c>
      <c r="J191" s="3" t="s">
        <v>1548</v>
      </c>
      <c r="K191" s="3" t="s">
        <v>1123</v>
      </c>
      <c r="L191" s="3" t="s">
        <v>1549</v>
      </c>
    </row>
    <row r="192" spans="1:12" x14ac:dyDescent="0.25">
      <c r="A192" s="4" t="s">
        <v>1550</v>
      </c>
      <c r="B192" s="6" t="s">
        <v>686</v>
      </c>
      <c r="C192" s="2" t="s">
        <v>1547</v>
      </c>
      <c r="D192" s="2" t="s">
        <v>1547</v>
      </c>
      <c r="E192" s="2" t="s">
        <v>1548</v>
      </c>
      <c r="F192" s="2" t="s">
        <v>1548</v>
      </c>
      <c r="G192" s="2" t="s">
        <v>751</v>
      </c>
      <c r="H192" s="2" t="s">
        <v>1549</v>
      </c>
      <c r="I192" s="2" t="s">
        <v>1548</v>
      </c>
      <c r="J192" s="2" t="s">
        <v>1548</v>
      </c>
      <c r="K192" s="2" t="s">
        <v>1123</v>
      </c>
      <c r="L192" s="2" t="s">
        <v>1549</v>
      </c>
    </row>
    <row r="193" spans="1:12" x14ac:dyDescent="0.25">
      <c r="A193" s="4" t="s">
        <v>1551</v>
      </c>
      <c r="B193" s="6" t="s">
        <v>1126</v>
      </c>
      <c r="C193" s="2" t="s">
        <v>51</v>
      </c>
      <c r="D193" s="2" t="s">
        <v>51</v>
      </c>
      <c r="E193" s="2" t="s">
        <v>51</v>
      </c>
      <c r="F193" s="2" t="s">
        <v>51</v>
      </c>
      <c r="G193" s="2" t="s">
        <v>51</v>
      </c>
      <c r="H193" s="2" t="s">
        <v>51</v>
      </c>
      <c r="I193" s="2" t="s">
        <v>51</v>
      </c>
      <c r="J193" s="2" t="s">
        <v>51</v>
      </c>
      <c r="K193" s="2" t="s">
        <v>51</v>
      </c>
      <c r="L193" s="2" t="s">
        <v>51</v>
      </c>
    </row>
    <row r="194" spans="1:12" x14ac:dyDescent="0.25">
      <c r="A194" s="5" t="s">
        <v>1552</v>
      </c>
      <c r="B194" s="7" t="s">
        <v>1143</v>
      </c>
      <c r="C194" s="3" t="s">
        <v>1553</v>
      </c>
      <c r="D194" s="3" t="s">
        <v>1554</v>
      </c>
      <c r="E194" s="3" t="s">
        <v>1555</v>
      </c>
      <c r="F194" s="3" t="s">
        <v>1555</v>
      </c>
      <c r="G194" s="3" t="s">
        <v>1556</v>
      </c>
      <c r="H194" s="3" t="s">
        <v>1557</v>
      </c>
      <c r="I194" s="3" t="s">
        <v>1558</v>
      </c>
      <c r="J194" s="3" t="s">
        <v>1558</v>
      </c>
      <c r="K194" s="3" t="s">
        <v>1559</v>
      </c>
      <c r="L194" s="3" t="s">
        <v>1560</v>
      </c>
    </row>
    <row r="195" spans="1:12" x14ac:dyDescent="0.25">
      <c r="A195" s="4" t="s">
        <v>1561</v>
      </c>
      <c r="B195" s="6" t="s">
        <v>686</v>
      </c>
      <c r="C195" s="2" t="s">
        <v>1553</v>
      </c>
      <c r="D195" s="2" t="s">
        <v>1554</v>
      </c>
      <c r="E195" s="2" t="s">
        <v>1555</v>
      </c>
      <c r="F195" s="2" t="s">
        <v>1555</v>
      </c>
      <c r="G195" s="2" t="s">
        <v>1556</v>
      </c>
      <c r="H195" s="2" t="s">
        <v>1557</v>
      </c>
      <c r="I195" s="2" t="s">
        <v>1558</v>
      </c>
      <c r="J195" s="2" t="s">
        <v>1558</v>
      </c>
      <c r="K195" s="2" t="s">
        <v>1559</v>
      </c>
      <c r="L195" s="2" t="s">
        <v>1560</v>
      </c>
    </row>
    <row r="196" spans="1:12" x14ac:dyDescent="0.25">
      <c r="A196" s="5" t="s">
        <v>1562</v>
      </c>
      <c r="B196" s="7" t="s">
        <v>1200</v>
      </c>
      <c r="C196" s="3" t="s">
        <v>1563</v>
      </c>
      <c r="D196" s="3" t="s">
        <v>1564</v>
      </c>
      <c r="E196" s="3" t="s">
        <v>1565</v>
      </c>
      <c r="F196" s="3" t="s">
        <v>1565</v>
      </c>
      <c r="G196" s="3" t="s">
        <v>1566</v>
      </c>
      <c r="H196" s="3" t="s">
        <v>1567</v>
      </c>
      <c r="I196" s="3" t="s">
        <v>1568</v>
      </c>
      <c r="J196" s="3" t="s">
        <v>1568</v>
      </c>
      <c r="K196" s="3" t="s">
        <v>1091</v>
      </c>
      <c r="L196" s="3" t="s">
        <v>1569</v>
      </c>
    </row>
    <row r="197" spans="1:12" x14ac:dyDescent="0.25">
      <c r="A197" s="4" t="s">
        <v>1570</v>
      </c>
      <c r="B197" s="6" t="s">
        <v>686</v>
      </c>
      <c r="C197" s="2" t="s">
        <v>1563</v>
      </c>
      <c r="D197" s="2" t="s">
        <v>1564</v>
      </c>
      <c r="E197" s="2" t="s">
        <v>1565</v>
      </c>
      <c r="F197" s="2" t="s">
        <v>1565</v>
      </c>
      <c r="G197" s="2" t="s">
        <v>1566</v>
      </c>
      <c r="H197" s="2" t="s">
        <v>1567</v>
      </c>
      <c r="I197" s="2" t="s">
        <v>1568</v>
      </c>
      <c r="J197" s="2" t="s">
        <v>1568</v>
      </c>
      <c r="K197" s="2" t="s">
        <v>1091</v>
      </c>
      <c r="L197" s="2" t="s">
        <v>1569</v>
      </c>
    </row>
    <row r="198" spans="1:12" x14ac:dyDescent="0.25">
      <c r="A198" s="5" t="s">
        <v>1571</v>
      </c>
      <c r="B198" s="7" t="s">
        <v>1264</v>
      </c>
      <c r="C198" s="3" t="s">
        <v>1572</v>
      </c>
      <c r="D198" s="3" t="s">
        <v>1573</v>
      </c>
      <c r="E198" s="3" t="s">
        <v>1574</v>
      </c>
      <c r="F198" s="3" t="s">
        <v>1574</v>
      </c>
      <c r="G198" s="3" t="s">
        <v>1478</v>
      </c>
      <c r="H198" s="3" t="s">
        <v>1575</v>
      </c>
      <c r="I198" s="3" t="s">
        <v>1576</v>
      </c>
      <c r="J198" s="3" t="s">
        <v>1576</v>
      </c>
      <c r="K198" s="3" t="s">
        <v>922</v>
      </c>
      <c r="L198" s="3" t="s">
        <v>1577</v>
      </c>
    </row>
    <row r="199" spans="1:12" x14ac:dyDescent="0.25">
      <c r="A199" s="4" t="s">
        <v>1578</v>
      </c>
      <c r="B199" s="6" t="s">
        <v>1273</v>
      </c>
      <c r="C199" s="2" t="s">
        <v>1579</v>
      </c>
      <c r="D199" s="2" t="s">
        <v>1580</v>
      </c>
      <c r="E199" s="2" t="s">
        <v>1581</v>
      </c>
      <c r="F199" s="2" t="s">
        <v>1581</v>
      </c>
      <c r="G199" s="2" t="s">
        <v>1123</v>
      </c>
      <c r="H199" s="2" t="s">
        <v>1582</v>
      </c>
      <c r="I199" s="2" t="s">
        <v>1583</v>
      </c>
      <c r="J199" s="2" t="s">
        <v>1583</v>
      </c>
      <c r="K199" s="2" t="s">
        <v>706</v>
      </c>
      <c r="L199" s="2" t="s">
        <v>1584</v>
      </c>
    </row>
    <row r="200" spans="1:12" x14ac:dyDescent="0.25">
      <c r="A200" s="4" t="s">
        <v>1585</v>
      </c>
      <c r="B200" s="6" t="s">
        <v>1280</v>
      </c>
      <c r="C200" s="2" t="s">
        <v>1586</v>
      </c>
      <c r="D200" s="2" t="s">
        <v>1586</v>
      </c>
      <c r="E200" s="2" t="s">
        <v>1587</v>
      </c>
      <c r="F200" s="2" t="s">
        <v>1587</v>
      </c>
      <c r="G200" s="2" t="s">
        <v>751</v>
      </c>
      <c r="H200" s="2" t="s">
        <v>1588</v>
      </c>
      <c r="I200" s="2" t="s">
        <v>1587</v>
      </c>
      <c r="J200" s="2" t="s">
        <v>1587</v>
      </c>
      <c r="K200" s="2" t="s">
        <v>1123</v>
      </c>
      <c r="L200" s="2" t="s">
        <v>1588</v>
      </c>
    </row>
    <row r="201" spans="1:12" x14ac:dyDescent="0.25">
      <c r="A201" s="5" t="s">
        <v>1589</v>
      </c>
      <c r="B201" s="7" t="s">
        <v>1300</v>
      </c>
      <c r="C201" s="3" t="s">
        <v>1590</v>
      </c>
      <c r="D201" s="3" t="s">
        <v>1591</v>
      </c>
      <c r="E201" s="3" t="s">
        <v>1592</v>
      </c>
      <c r="F201" s="3" t="s">
        <v>1592</v>
      </c>
      <c r="G201" s="3" t="s">
        <v>1593</v>
      </c>
      <c r="H201" s="3" t="s">
        <v>1594</v>
      </c>
      <c r="I201" s="3" t="s">
        <v>1592</v>
      </c>
      <c r="J201" s="3" t="s">
        <v>1592</v>
      </c>
      <c r="K201" s="3" t="s">
        <v>1595</v>
      </c>
      <c r="L201" s="3" t="s">
        <v>1594</v>
      </c>
    </row>
    <row r="202" spans="1:12" x14ac:dyDescent="0.25">
      <c r="A202" s="4" t="s">
        <v>1596</v>
      </c>
      <c r="B202" s="6" t="s">
        <v>686</v>
      </c>
      <c r="C202" s="2" t="s">
        <v>1590</v>
      </c>
      <c r="D202" s="2" t="s">
        <v>1591</v>
      </c>
      <c r="E202" s="2" t="s">
        <v>1592</v>
      </c>
      <c r="F202" s="2" t="s">
        <v>1592</v>
      </c>
      <c r="G202" s="2" t="s">
        <v>1593</v>
      </c>
      <c r="H202" s="2" t="s">
        <v>1594</v>
      </c>
      <c r="I202" s="2" t="s">
        <v>1592</v>
      </c>
      <c r="J202" s="2" t="s">
        <v>1592</v>
      </c>
      <c r="K202" s="2" t="s">
        <v>1595</v>
      </c>
      <c r="L202" s="2" t="s">
        <v>1594</v>
      </c>
    </row>
    <row r="203" spans="1:12" x14ac:dyDescent="0.25">
      <c r="A203" s="5" t="s">
        <v>1597</v>
      </c>
      <c r="B203" s="7" t="s">
        <v>1332</v>
      </c>
      <c r="C203" s="3" t="s">
        <v>1598</v>
      </c>
      <c r="D203" s="3" t="s">
        <v>1599</v>
      </c>
      <c r="E203" s="3" t="s">
        <v>1600</v>
      </c>
      <c r="F203" s="3" t="s">
        <v>1600</v>
      </c>
      <c r="G203" s="3" t="s">
        <v>709</v>
      </c>
      <c r="H203" s="3" t="s">
        <v>1601</v>
      </c>
      <c r="I203" s="3" t="s">
        <v>1600</v>
      </c>
      <c r="J203" s="3" t="s">
        <v>1600</v>
      </c>
      <c r="K203" s="3" t="s">
        <v>709</v>
      </c>
      <c r="L203" s="3" t="s">
        <v>1601</v>
      </c>
    </row>
    <row r="204" spans="1:12" x14ac:dyDescent="0.25">
      <c r="A204" s="4" t="s">
        <v>1602</v>
      </c>
      <c r="B204" s="6" t="s">
        <v>1339</v>
      </c>
      <c r="C204" s="2" t="s">
        <v>51</v>
      </c>
      <c r="D204" s="2" t="s">
        <v>51</v>
      </c>
      <c r="E204" s="2" t="s">
        <v>51</v>
      </c>
      <c r="F204" s="2" t="s">
        <v>51</v>
      </c>
      <c r="G204" s="2" t="s">
        <v>51</v>
      </c>
      <c r="H204" s="2" t="s">
        <v>51</v>
      </c>
      <c r="I204" s="2" t="s">
        <v>51</v>
      </c>
      <c r="J204" s="2" t="s">
        <v>51</v>
      </c>
      <c r="K204" s="2" t="s">
        <v>51</v>
      </c>
      <c r="L204" s="2" t="s">
        <v>51</v>
      </c>
    </row>
    <row r="205" spans="1:12" x14ac:dyDescent="0.25">
      <c r="A205" s="4" t="s">
        <v>1603</v>
      </c>
      <c r="B205" s="6" t="s">
        <v>1345</v>
      </c>
      <c r="C205" s="2" t="s">
        <v>1598</v>
      </c>
      <c r="D205" s="2" t="s">
        <v>1599</v>
      </c>
      <c r="E205" s="2" t="s">
        <v>1600</v>
      </c>
      <c r="F205" s="2" t="s">
        <v>1600</v>
      </c>
      <c r="G205" s="2" t="s">
        <v>709</v>
      </c>
      <c r="H205" s="2" t="s">
        <v>1601</v>
      </c>
      <c r="I205" s="2" t="s">
        <v>1600</v>
      </c>
      <c r="J205" s="2" t="s">
        <v>1600</v>
      </c>
      <c r="K205" s="2" t="s">
        <v>709</v>
      </c>
      <c r="L205" s="2" t="s">
        <v>1601</v>
      </c>
    </row>
    <row r="206" spans="1:12" x14ac:dyDescent="0.25">
      <c r="A206" s="5" t="s">
        <v>1604</v>
      </c>
      <c r="B206" s="7" t="s">
        <v>1352</v>
      </c>
      <c r="C206" s="3" t="s">
        <v>1605</v>
      </c>
      <c r="D206" s="3" t="s">
        <v>1606</v>
      </c>
      <c r="E206" s="3" t="s">
        <v>1607</v>
      </c>
      <c r="F206" s="3" t="s">
        <v>1607</v>
      </c>
      <c r="G206" s="3" t="s">
        <v>1608</v>
      </c>
      <c r="H206" s="3" t="s">
        <v>1609</v>
      </c>
      <c r="I206" s="3" t="s">
        <v>1610</v>
      </c>
      <c r="J206" s="3" t="s">
        <v>1610</v>
      </c>
      <c r="K206" s="3" t="s">
        <v>1611</v>
      </c>
      <c r="L206" s="3" t="s">
        <v>1612</v>
      </c>
    </row>
    <row r="207" spans="1:12" x14ac:dyDescent="0.25">
      <c r="A207" s="4" t="s">
        <v>1613</v>
      </c>
      <c r="B207" s="6" t="s">
        <v>861</v>
      </c>
      <c r="C207" s="2" t="s">
        <v>1614</v>
      </c>
      <c r="D207" s="2" t="s">
        <v>1614</v>
      </c>
      <c r="E207" s="2" t="s">
        <v>1615</v>
      </c>
      <c r="F207" s="2" t="s">
        <v>1615</v>
      </c>
      <c r="G207" s="2" t="s">
        <v>706</v>
      </c>
      <c r="H207" s="2" t="s">
        <v>1616</v>
      </c>
      <c r="I207" s="2" t="s">
        <v>1617</v>
      </c>
      <c r="J207" s="2" t="s">
        <v>1617</v>
      </c>
      <c r="K207" s="2" t="s">
        <v>706</v>
      </c>
      <c r="L207" s="2" t="s">
        <v>1618</v>
      </c>
    </row>
    <row r="208" spans="1:12" x14ac:dyDescent="0.25">
      <c r="A208" s="4" t="s">
        <v>1619</v>
      </c>
      <c r="B208" s="6" t="s">
        <v>718</v>
      </c>
      <c r="C208" s="2" t="s">
        <v>1620</v>
      </c>
      <c r="D208" s="2" t="s">
        <v>1621</v>
      </c>
      <c r="E208" s="2" t="s">
        <v>1622</v>
      </c>
      <c r="F208" s="2" t="s">
        <v>1622</v>
      </c>
      <c r="G208" s="2" t="s">
        <v>1623</v>
      </c>
      <c r="H208" s="2" t="s">
        <v>1624</v>
      </c>
      <c r="I208" s="2" t="s">
        <v>1625</v>
      </c>
      <c r="J208" s="2" t="s">
        <v>1625</v>
      </c>
      <c r="K208" s="2" t="s">
        <v>1626</v>
      </c>
      <c r="L208" s="2" t="s">
        <v>1627</v>
      </c>
    </row>
    <row r="209" spans="1:12" x14ac:dyDescent="0.25">
      <c r="A209" s="5" t="s">
        <v>1628</v>
      </c>
      <c r="B209" s="7" t="s">
        <v>1629</v>
      </c>
      <c r="C209" s="3" t="s">
        <v>284</v>
      </c>
      <c r="D209" s="3" t="s">
        <v>430</v>
      </c>
      <c r="E209" s="3" t="s">
        <v>431</v>
      </c>
      <c r="F209" s="3" t="s">
        <v>431</v>
      </c>
      <c r="G209" s="3" t="s">
        <v>1630</v>
      </c>
      <c r="H209" s="3" t="s">
        <v>432</v>
      </c>
      <c r="I209" s="3" t="s">
        <v>433</v>
      </c>
      <c r="J209" s="3" t="s">
        <v>433</v>
      </c>
      <c r="K209" s="3" t="s">
        <v>1631</v>
      </c>
      <c r="L209" s="3" t="s">
        <v>434</v>
      </c>
    </row>
  </sheetData>
  <mergeCells count="14">
    <mergeCell ref="A3:L3"/>
    <mergeCell ref="A4:L4"/>
    <mergeCell ref="A5:L5"/>
    <mergeCell ref="A6:L6"/>
    <mergeCell ref="A7:L7"/>
    <mergeCell ref="A9:L9"/>
    <mergeCell ref="A10:A11"/>
    <mergeCell ref="B10:B11"/>
    <mergeCell ref="C10:C11"/>
    <mergeCell ref="D10:D11"/>
    <mergeCell ref="E10:G10"/>
    <mergeCell ref="H10:H11"/>
    <mergeCell ref="I10:K10"/>
    <mergeCell ref="L10:L11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P38"/>
  <sheetViews>
    <sheetView showGridLines="0" workbookViewId="0"/>
  </sheetViews>
  <sheetFormatPr defaultRowHeight="15" x14ac:dyDescent="0.25"/>
  <sheetData>
    <row r="3" spans="1:16" x14ac:dyDescent="0.25">
      <c r="A3" s="14" t="s">
        <v>0</v>
      </c>
      <c r="B3" s="13"/>
      <c r="C3" s="13"/>
      <c r="D3" s="13"/>
      <c r="E3" s="13"/>
      <c r="F3" s="13"/>
      <c r="G3" s="13"/>
      <c r="H3" s="13"/>
      <c r="I3" s="13"/>
      <c r="J3" s="13"/>
      <c r="K3" s="13"/>
      <c r="L3" s="13"/>
      <c r="M3" s="13"/>
      <c r="N3" s="13"/>
      <c r="O3" s="13"/>
      <c r="P3" s="13"/>
    </row>
    <row r="4" spans="1:16" x14ac:dyDescent="0.25">
      <c r="A4" s="14" t="s">
        <v>1</v>
      </c>
      <c r="B4" s="13"/>
      <c r="C4" s="13"/>
      <c r="D4" s="13"/>
      <c r="E4" s="13"/>
      <c r="F4" s="13"/>
      <c r="G4" s="13"/>
      <c r="H4" s="13"/>
      <c r="I4" s="13"/>
      <c r="J4" s="13"/>
      <c r="K4" s="13"/>
      <c r="L4" s="13"/>
      <c r="M4" s="13"/>
      <c r="N4" s="13"/>
      <c r="O4" s="13"/>
      <c r="P4" s="13"/>
    </row>
    <row r="5" spans="1:16" x14ac:dyDescent="0.25">
      <c r="A5" s="15" t="s">
        <v>1632</v>
      </c>
      <c r="B5" s="13"/>
      <c r="C5" s="13"/>
      <c r="D5" s="13"/>
      <c r="E5" s="13"/>
      <c r="F5" s="13"/>
      <c r="G5" s="13"/>
      <c r="H5" s="13"/>
      <c r="I5" s="13"/>
      <c r="J5" s="13"/>
      <c r="K5" s="13"/>
      <c r="L5" s="13"/>
      <c r="M5" s="13"/>
      <c r="N5" s="13"/>
      <c r="O5" s="13"/>
      <c r="P5" s="13"/>
    </row>
    <row r="6" spans="1:16" x14ac:dyDescent="0.25">
      <c r="A6" s="14" t="s">
        <v>3</v>
      </c>
      <c r="B6" s="13"/>
      <c r="C6" s="13"/>
      <c r="D6" s="13"/>
      <c r="E6" s="13"/>
      <c r="F6" s="13"/>
      <c r="G6" s="13"/>
      <c r="H6" s="13"/>
      <c r="I6" s="13"/>
      <c r="J6" s="13"/>
      <c r="K6" s="13"/>
      <c r="L6" s="13"/>
      <c r="M6" s="13"/>
      <c r="N6" s="13"/>
      <c r="O6" s="13"/>
      <c r="P6" s="13"/>
    </row>
    <row r="7" spans="1:16" x14ac:dyDescent="0.25">
      <c r="A7" s="14" t="s">
        <v>4</v>
      </c>
      <c r="B7" s="13"/>
      <c r="C7" s="13"/>
      <c r="D7" s="13"/>
      <c r="E7" s="13"/>
      <c r="F7" s="13"/>
      <c r="G7" s="13"/>
      <c r="H7" s="13"/>
      <c r="I7" s="13"/>
      <c r="J7" s="13"/>
      <c r="K7" s="13"/>
      <c r="L7" s="13"/>
      <c r="M7" s="13"/>
      <c r="N7" s="13"/>
      <c r="O7" s="13"/>
      <c r="P7" s="13"/>
    </row>
    <row r="9" spans="1:16" x14ac:dyDescent="0.25">
      <c r="A9" s="12" t="s">
        <v>1633</v>
      </c>
      <c r="B9" s="13"/>
      <c r="C9" s="13"/>
      <c r="D9" s="13"/>
      <c r="E9" s="13"/>
      <c r="F9" s="13"/>
      <c r="G9" s="13"/>
      <c r="H9" s="13"/>
      <c r="I9" s="13"/>
      <c r="J9" s="13"/>
      <c r="K9" s="13"/>
      <c r="L9" s="13"/>
      <c r="M9" s="13"/>
      <c r="N9" s="13"/>
      <c r="O9" s="13"/>
      <c r="P9" s="13"/>
    </row>
    <row r="10" spans="1:16" x14ac:dyDescent="0.25">
      <c r="A10" s="11" t="s">
        <v>6</v>
      </c>
      <c r="B10" s="11" t="s">
        <v>1634</v>
      </c>
      <c r="C10" s="11" t="s">
        <v>1635</v>
      </c>
      <c r="D10" s="11" t="s">
        <v>7</v>
      </c>
      <c r="E10" s="11" t="s">
        <v>7</v>
      </c>
      <c r="F10" s="11" t="s">
        <v>7</v>
      </c>
      <c r="G10" s="11" t="s">
        <v>7</v>
      </c>
      <c r="H10" s="11" t="s">
        <v>7</v>
      </c>
      <c r="I10" s="11" t="s">
        <v>7</v>
      </c>
      <c r="J10" s="11" t="s">
        <v>7</v>
      </c>
      <c r="K10" s="11" t="s">
        <v>7</v>
      </c>
      <c r="L10" s="11" t="s">
        <v>7</v>
      </c>
      <c r="M10" s="11" t="s">
        <v>7</v>
      </c>
      <c r="N10" s="11" t="s">
        <v>7</v>
      </c>
      <c r="O10" s="11" t="s">
        <v>1648</v>
      </c>
      <c r="P10" s="11" t="s">
        <v>1649</v>
      </c>
    </row>
    <row r="11" spans="1:16" ht="21" x14ac:dyDescent="0.25">
      <c r="A11" s="11" t="s">
        <v>7</v>
      </c>
      <c r="B11" s="11" t="s">
        <v>7</v>
      </c>
      <c r="C11" s="1" t="s">
        <v>1636</v>
      </c>
      <c r="D11" s="1" t="s">
        <v>1637</v>
      </c>
      <c r="E11" s="1" t="s">
        <v>1638</v>
      </c>
      <c r="F11" s="1" t="s">
        <v>1639</v>
      </c>
      <c r="G11" s="1" t="s">
        <v>1640</v>
      </c>
      <c r="H11" s="1" t="s">
        <v>1641</v>
      </c>
      <c r="I11" s="1" t="s">
        <v>1642</v>
      </c>
      <c r="J11" s="1" t="s">
        <v>1643</v>
      </c>
      <c r="K11" s="1" t="s">
        <v>1644</v>
      </c>
      <c r="L11" s="1" t="s">
        <v>1645</v>
      </c>
      <c r="M11" s="1" t="s">
        <v>1646</v>
      </c>
      <c r="N11" s="1" t="s">
        <v>1647</v>
      </c>
      <c r="O11" s="11" t="s">
        <v>7</v>
      </c>
      <c r="P11" s="11" t="s">
        <v>7</v>
      </c>
    </row>
    <row r="12" spans="1:16" x14ac:dyDescent="0.25">
      <c r="A12" s="5" t="s">
        <v>17</v>
      </c>
      <c r="B12" s="7" t="s">
        <v>1650</v>
      </c>
      <c r="C12" s="3" t="s">
        <v>1651</v>
      </c>
      <c r="D12" s="3" t="s">
        <v>1652</v>
      </c>
      <c r="E12" s="3" t="s">
        <v>1653</v>
      </c>
      <c r="F12" s="3" t="s">
        <v>1654</v>
      </c>
      <c r="G12" s="3" t="s">
        <v>1655</v>
      </c>
      <c r="H12" s="3" t="s">
        <v>1656</v>
      </c>
      <c r="I12" s="3" t="s">
        <v>1657</v>
      </c>
      <c r="J12" s="3" t="s">
        <v>1658</v>
      </c>
      <c r="K12" s="3" t="s">
        <v>1659</v>
      </c>
      <c r="L12" s="3" t="s">
        <v>1660</v>
      </c>
      <c r="M12" s="3" t="s">
        <v>1661</v>
      </c>
      <c r="N12" s="3" t="s">
        <v>1662</v>
      </c>
      <c r="O12" s="3" t="s">
        <v>1663</v>
      </c>
      <c r="P12" s="3" t="s">
        <v>1664</v>
      </c>
    </row>
    <row r="13" spans="1:16" x14ac:dyDescent="0.25">
      <c r="A13" s="5" t="s">
        <v>24</v>
      </c>
      <c r="B13" s="7" t="s">
        <v>1665</v>
      </c>
      <c r="C13" s="3" t="s">
        <v>1666</v>
      </c>
      <c r="D13" s="3" t="s">
        <v>1667</v>
      </c>
      <c r="E13" s="3" t="s">
        <v>1668</v>
      </c>
      <c r="F13" s="3" t="s">
        <v>1669</v>
      </c>
      <c r="G13" s="3" t="s">
        <v>1670</v>
      </c>
      <c r="H13" s="3" t="s">
        <v>1671</v>
      </c>
      <c r="I13" s="3" t="s">
        <v>1672</v>
      </c>
      <c r="J13" s="3" t="s">
        <v>1673</v>
      </c>
      <c r="K13" s="3" t="s">
        <v>1674</v>
      </c>
      <c r="L13" s="3" t="s">
        <v>1675</v>
      </c>
      <c r="M13" s="3" t="s">
        <v>1676</v>
      </c>
      <c r="N13" s="3" t="s">
        <v>1677</v>
      </c>
      <c r="O13" s="3" t="s">
        <v>1678</v>
      </c>
      <c r="P13" s="3" t="s">
        <v>1679</v>
      </c>
    </row>
    <row r="14" spans="1:16" x14ac:dyDescent="0.25">
      <c r="A14" s="4" t="s">
        <v>31</v>
      </c>
      <c r="B14" s="6" t="s">
        <v>1680</v>
      </c>
      <c r="C14" s="2" t="s">
        <v>1681</v>
      </c>
      <c r="D14" s="2" t="s">
        <v>1682</v>
      </c>
      <c r="E14" s="2" t="s">
        <v>1683</v>
      </c>
      <c r="F14" s="2" t="s">
        <v>1684</v>
      </c>
      <c r="G14" s="2" t="s">
        <v>1685</v>
      </c>
      <c r="H14" s="2" t="s">
        <v>1686</v>
      </c>
      <c r="I14" s="2" t="s">
        <v>1687</v>
      </c>
      <c r="J14" s="2" t="s">
        <v>1688</v>
      </c>
      <c r="K14" s="2" t="s">
        <v>1689</v>
      </c>
      <c r="L14" s="2" t="s">
        <v>1690</v>
      </c>
      <c r="M14" s="2" t="s">
        <v>1691</v>
      </c>
      <c r="N14" s="2" t="s">
        <v>1692</v>
      </c>
      <c r="O14" s="2" t="s">
        <v>1693</v>
      </c>
      <c r="P14" s="2" t="s">
        <v>1694</v>
      </c>
    </row>
    <row r="15" spans="1:16" x14ac:dyDescent="0.25">
      <c r="A15" s="4" t="s">
        <v>37</v>
      </c>
      <c r="B15" s="6" t="s">
        <v>1695</v>
      </c>
      <c r="C15" s="2" t="s">
        <v>1696</v>
      </c>
      <c r="D15" s="2" t="s">
        <v>1697</v>
      </c>
      <c r="E15" s="2" t="s">
        <v>1698</v>
      </c>
      <c r="F15" s="2" t="s">
        <v>1699</v>
      </c>
      <c r="G15" s="2" t="s">
        <v>1700</v>
      </c>
      <c r="H15" s="2" t="s">
        <v>1701</v>
      </c>
      <c r="I15" s="2" t="s">
        <v>1702</v>
      </c>
      <c r="J15" s="2" t="s">
        <v>1703</v>
      </c>
      <c r="K15" s="2" t="s">
        <v>1704</v>
      </c>
      <c r="L15" s="2" t="s">
        <v>1705</v>
      </c>
      <c r="M15" s="2" t="s">
        <v>1706</v>
      </c>
      <c r="N15" s="2" t="s">
        <v>1707</v>
      </c>
      <c r="O15" s="2" t="s">
        <v>1708</v>
      </c>
      <c r="P15" s="2" t="s">
        <v>1709</v>
      </c>
    </row>
    <row r="16" spans="1:16" x14ac:dyDescent="0.25">
      <c r="A16" s="4" t="s">
        <v>43</v>
      </c>
      <c r="B16" s="6" t="s">
        <v>1710</v>
      </c>
      <c r="C16" s="2" t="s">
        <v>1711</v>
      </c>
      <c r="D16" s="2" t="s">
        <v>1712</v>
      </c>
      <c r="E16" s="2" t="s">
        <v>1713</v>
      </c>
      <c r="F16" s="2" t="s">
        <v>1714</v>
      </c>
      <c r="G16" s="2" t="s">
        <v>1715</v>
      </c>
      <c r="H16" s="2" t="s">
        <v>1716</v>
      </c>
      <c r="I16" s="2" t="s">
        <v>1717</v>
      </c>
      <c r="J16" s="2" t="s">
        <v>1718</v>
      </c>
      <c r="K16" s="2" t="s">
        <v>1719</v>
      </c>
      <c r="L16" s="2" t="s">
        <v>1720</v>
      </c>
      <c r="M16" s="2" t="s">
        <v>1721</v>
      </c>
      <c r="N16" s="2" t="s">
        <v>1722</v>
      </c>
      <c r="O16" s="2" t="s">
        <v>1723</v>
      </c>
      <c r="P16" s="2" t="s">
        <v>1724</v>
      </c>
    </row>
    <row r="17" spans="1:16" x14ac:dyDescent="0.25">
      <c r="A17" s="4" t="s">
        <v>49</v>
      </c>
      <c r="B17" s="6" t="s">
        <v>1725</v>
      </c>
      <c r="C17" s="2" t="s">
        <v>1726</v>
      </c>
      <c r="D17" s="2" t="s">
        <v>1727</v>
      </c>
      <c r="E17" s="2" t="s">
        <v>1728</v>
      </c>
      <c r="F17" s="2" t="s">
        <v>1729</v>
      </c>
      <c r="G17" s="2" t="s">
        <v>1730</v>
      </c>
      <c r="H17" s="2" t="s">
        <v>1731</v>
      </c>
      <c r="I17" s="2" t="s">
        <v>1732</v>
      </c>
      <c r="J17" s="2" t="s">
        <v>1733</v>
      </c>
      <c r="K17" s="2" t="s">
        <v>1734</v>
      </c>
      <c r="L17" s="2" t="s">
        <v>1735</v>
      </c>
      <c r="M17" s="2" t="s">
        <v>1736</v>
      </c>
      <c r="N17" s="2" t="s">
        <v>1737</v>
      </c>
      <c r="O17" s="2" t="s">
        <v>1738</v>
      </c>
      <c r="P17" s="2" t="s">
        <v>1739</v>
      </c>
    </row>
    <row r="18" spans="1:16" x14ac:dyDescent="0.25">
      <c r="A18" s="4" t="s">
        <v>52</v>
      </c>
      <c r="B18" s="6" t="s">
        <v>1740</v>
      </c>
      <c r="C18" s="2" t="s">
        <v>1741</v>
      </c>
      <c r="D18" s="2" t="s">
        <v>1742</v>
      </c>
      <c r="E18" s="2" t="s">
        <v>1743</v>
      </c>
      <c r="F18" s="2" t="s">
        <v>1744</v>
      </c>
      <c r="G18" s="2" t="s">
        <v>1745</v>
      </c>
      <c r="H18" s="2" t="s">
        <v>1746</v>
      </c>
      <c r="I18" s="2" t="s">
        <v>1747</v>
      </c>
      <c r="J18" s="2" t="s">
        <v>1748</v>
      </c>
      <c r="K18" s="2" t="s">
        <v>1749</v>
      </c>
      <c r="L18" s="2" t="s">
        <v>1750</v>
      </c>
      <c r="M18" s="2" t="s">
        <v>1751</v>
      </c>
      <c r="N18" s="2" t="s">
        <v>1752</v>
      </c>
      <c r="O18" s="2" t="s">
        <v>1753</v>
      </c>
      <c r="P18" s="2" t="s">
        <v>45</v>
      </c>
    </row>
    <row r="19" spans="1:16" x14ac:dyDescent="0.25">
      <c r="A19" s="4" t="s">
        <v>59</v>
      </c>
      <c r="B19" s="6" t="s">
        <v>473</v>
      </c>
      <c r="C19" s="2" t="s">
        <v>1754</v>
      </c>
      <c r="D19" s="2" t="s">
        <v>1755</v>
      </c>
      <c r="E19" s="2" t="s">
        <v>1756</v>
      </c>
      <c r="F19" s="2" t="s">
        <v>1757</v>
      </c>
      <c r="G19" s="2" t="s">
        <v>1758</v>
      </c>
      <c r="H19" s="2" t="s">
        <v>1759</v>
      </c>
      <c r="I19" s="2" t="s">
        <v>1760</v>
      </c>
      <c r="J19" s="2" t="s">
        <v>1761</v>
      </c>
      <c r="K19" s="2" t="s">
        <v>1762</v>
      </c>
      <c r="L19" s="2" t="s">
        <v>1763</v>
      </c>
      <c r="M19" s="2" t="s">
        <v>1764</v>
      </c>
      <c r="N19" s="2" t="s">
        <v>1765</v>
      </c>
      <c r="O19" s="2" t="s">
        <v>1766</v>
      </c>
      <c r="P19" s="2" t="s">
        <v>55</v>
      </c>
    </row>
    <row r="20" spans="1:16" x14ac:dyDescent="0.25">
      <c r="A20" s="5" t="s">
        <v>61</v>
      </c>
      <c r="B20" s="7" t="s">
        <v>488</v>
      </c>
      <c r="C20" s="3" t="s">
        <v>1767</v>
      </c>
      <c r="D20" s="3" t="s">
        <v>1768</v>
      </c>
      <c r="E20" s="3" t="s">
        <v>1769</v>
      </c>
      <c r="F20" s="3" t="s">
        <v>1770</v>
      </c>
      <c r="G20" s="3" t="s">
        <v>1771</v>
      </c>
      <c r="H20" s="3" t="s">
        <v>1772</v>
      </c>
      <c r="I20" s="3" t="s">
        <v>1773</v>
      </c>
      <c r="J20" s="3" t="s">
        <v>1774</v>
      </c>
      <c r="K20" s="3" t="s">
        <v>1775</v>
      </c>
      <c r="L20" s="3" t="s">
        <v>1776</v>
      </c>
      <c r="M20" s="3" t="s">
        <v>1777</v>
      </c>
      <c r="N20" s="3" t="s">
        <v>1778</v>
      </c>
      <c r="O20" s="3" t="s">
        <v>1779</v>
      </c>
      <c r="P20" s="3" t="s">
        <v>69</v>
      </c>
    </row>
    <row r="21" spans="1:16" x14ac:dyDescent="0.25">
      <c r="A21" s="4" t="s">
        <v>63</v>
      </c>
      <c r="B21" s="6" t="s">
        <v>1780</v>
      </c>
      <c r="C21" s="2" t="s">
        <v>1781</v>
      </c>
      <c r="D21" s="2" t="s">
        <v>1782</v>
      </c>
      <c r="E21" s="2" t="s">
        <v>1783</v>
      </c>
      <c r="F21" s="2" t="s">
        <v>1784</v>
      </c>
      <c r="G21" s="2" t="s">
        <v>1785</v>
      </c>
      <c r="H21" s="2" t="s">
        <v>1786</v>
      </c>
      <c r="I21" s="2" t="s">
        <v>1787</v>
      </c>
      <c r="J21" s="2" t="s">
        <v>1788</v>
      </c>
      <c r="K21" s="2" t="s">
        <v>1789</v>
      </c>
      <c r="L21" s="2" t="s">
        <v>1790</v>
      </c>
      <c r="M21" s="2" t="s">
        <v>1791</v>
      </c>
      <c r="N21" s="2" t="s">
        <v>1792</v>
      </c>
      <c r="O21" s="2" t="s">
        <v>1793</v>
      </c>
      <c r="P21" s="2" t="s">
        <v>1794</v>
      </c>
    </row>
    <row r="22" spans="1:16" x14ac:dyDescent="0.25">
      <c r="A22" s="4" t="s">
        <v>65</v>
      </c>
      <c r="B22" s="6" t="s">
        <v>1795</v>
      </c>
      <c r="C22" s="2" t="s">
        <v>1796</v>
      </c>
      <c r="D22" s="2" t="s">
        <v>1797</v>
      </c>
      <c r="E22" s="2" t="s">
        <v>1798</v>
      </c>
      <c r="F22" s="2" t="s">
        <v>1799</v>
      </c>
      <c r="G22" s="2" t="s">
        <v>1800</v>
      </c>
      <c r="H22" s="2" t="s">
        <v>1801</v>
      </c>
      <c r="I22" s="2" t="s">
        <v>1802</v>
      </c>
      <c r="J22" s="2" t="s">
        <v>1803</v>
      </c>
      <c r="K22" s="2" t="s">
        <v>1804</v>
      </c>
      <c r="L22" s="2" t="s">
        <v>1805</v>
      </c>
      <c r="M22" s="2" t="s">
        <v>1806</v>
      </c>
      <c r="N22" s="2" t="s">
        <v>1807</v>
      </c>
      <c r="O22" s="2" t="s">
        <v>1808</v>
      </c>
      <c r="P22" s="2" t="s">
        <v>1809</v>
      </c>
    </row>
    <row r="23" spans="1:16" x14ac:dyDescent="0.25">
      <c r="A23" s="4" t="s">
        <v>67</v>
      </c>
      <c r="B23" s="6" t="s">
        <v>508</v>
      </c>
      <c r="C23" s="2" t="s">
        <v>51</v>
      </c>
      <c r="D23" s="2" t="s">
        <v>51</v>
      </c>
      <c r="E23" s="2" t="s">
        <v>51</v>
      </c>
      <c r="F23" s="2" t="s">
        <v>51</v>
      </c>
      <c r="G23" s="2" t="s">
        <v>51</v>
      </c>
      <c r="H23" s="2" t="s">
        <v>51</v>
      </c>
      <c r="I23" s="2" t="s">
        <v>51</v>
      </c>
      <c r="J23" s="2" t="s">
        <v>51</v>
      </c>
      <c r="K23" s="2" t="s">
        <v>51</v>
      </c>
      <c r="L23" s="2" t="s">
        <v>51</v>
      </c>
      <c r="M23" s="2" t="s">
        <v>51</v>
      </c>
      <c r="N23" s="2" t="s">
        <v>51</v>
      </c>
      <c r="O23" s="2" t="s">
        <v>51</v>
      </c>
      <c r="P23" s="2" t="s">
        <v>51</v>
      </c>
    </row>
    <row r="24" spans="1:16" x14ac:dyDescent="0.25">
      <c r="A24" s="4" t="s">
        <v>73</v>
      </c>
      <c r="B24" s="6" t="s">
        <v>510</v>
      </c>
      <c r="C24" s="2" t="s">
        <v>51</v>
      </c>
      <c r="D24" s="2" t="s">
        <v>51</v>
      </c>
      <c r="E24" s="2" t="s">
        <v>51</v>
      </c>
      <c r="F24" s="2" t="s">
        <v>51</v>
      </c>
      <c r="G24" s="2" t="s">
        <v>51</v>
      </c>
      <c r="H24" s="2" t="s">
        <v>51</v>
      </c>
      <c r="I24" s="2" t="s">
        <v>51</v>
      </c>
      <c r="J24" s="2" t="s">
        <v>51</v>
      </c>
      <c r="K24" s="2" t="s">
        <v>51</v>
      </c>
      <c r="L24" s="2" t="s">
        <v>51</v>
      </c>
      <c r="M24" s="2" t="s">
        <v>51</v>
      </c>
      <c r="N24" s="2" t="s">
        <v>51</v>
      </c>
      <c r="O24" s="2" t="s">
        <v>51</v>
      </c>
      <c r="P24" s="2" t="s">
        <v>51</v>
      </c>
    </row>
    <row r="25" spans="1:16" x14ac:dyDescent="0.25">
      <c r="A25" s="4" t="s">
        <v>79</v>
      </c>
      <c r="B25" s="6" t="s">
        <v>512</v>
      </c>
      <c r="C25" s="2" t="s">
        <v>1810</v>
      </c>
      <c r="D25" s="2" t="s">
        <v>1811</v>
      </c>
      <c r="E25" s="2" t="s">
        <v>1812</v>
      </c>
      <c r="F25" s="2" t="s">
        <v>1813</v>
      </c>
      <c r="G25" s="2" t="s">
        <v>1814</v>
      </c>
      <c r="H25" s="2" t="s">
        <v>1815</v>
      </c>
      <c r="I25" s="2" t="s">
        <v>1816</v>
      </c>
      <c r="J25" s="2" t="s">
        <v>1817</v>
      </c>
      <c r="K25" s="2" t="s">
        <v>1818</v>
      </c>
      <c r="L25" s="2" t="s">
        <v>1819</v>
      </c>
      <c r="M25" s="2" t="s">
        <v>1820</v>
      </c>
      <c r="N25" s="2" t="s">
        <v>1821</v>
      </c>
      <c r="O25" s="2" t="s">
        <v>1822</v>
      </c>
      <c r="P25" s="2" t="s">
        <v>109</v>
      </c>
    </row>
    <row r="26" spans="1:16" x14ac:dyDescent="0.25">
      <c r="A26" s="5" t="s">
        <v>85</v>
      </c>
      <c r="B26" s="7" t="s">
        <v>524</v>
      </c>
      <c r="C26" s="3" t="s">
        <v>1823</v>
      </c>
      <c r="D26" s="3" t="s">
        <v>1824</v>
      </c>
      <c r="E26" s="3" t="s">
        <v>1825</v>
      </c>
      <c r="F26" s="3" t="s">
        <v>1826</v>
      </c>
      <c r="G26" s="3" t="s">
        <v>1827</v>
      </c>
      <c r="H26" s="3" t="s">
        <v>1828</v>
      </c>
      <c r="I26" s="3" t="s">
        <v>1829</v>
      </c>
      <c r="J26" s="3" t="s">
        <v>1830</v>
      </c>
      <c r="K26" s="3" t="s">
        <v>1831</v>
      </c>
      <c r="L26" s="3" t="s">
        <v>1832</v>
      </c>
      <c r="M26" s="3" t="s">
        <v>1833</v>
      </c>
      <c r="N26" s="3" t="s">
        <v>1834</v>
      </c>
      <c r="O26" s="3" t="s">
        <v>1835</v>
      </c>
      <c r="P26" s="3" t="s">
        <v>1836</v>
      </c>
    </row>
    <row r="27" spans="1:16" x14ac:dyDescent="0.25">
      <c r="A27" s="4" t="s">
        <v>87</v>
      </c>
      <c r="B27" s="6" t="s">
        <v>1837</v>
      </c>
      <c r="C27" s="2" t="s">
        <v>1838</v>
      </c>
      <c r="D27" s="2" t="s">
        <v>1839</v>
      </c>
      <c r="E27" s="2" t="s">
        <v>1840</v>
      </c>
      <c r="F27" s="2" t="s">
        <v>1841</v>
      </c>
      <c r="G27" s="2" t="s">
        <v>1842</v>
      </c>
      <c r="H27" s="2" t="s">
        <v>1843</v>
      </c>
      <c r="I27" s="2" t="s">
        <v>1844</v>
      </c>
      <c r="J27" s="2" t="s">
        <v>1845</v>
      </c>
      <c r="K27" s="2" t="s">
        <v>1846</v>
      </c>
      <c r="L27" s="2" t="s">
        <v>1847</v>
      </c>
      <c r="M27" s="2" t="s">
        <v>1848</v>
      </c>
      <c r="N27" s="2" t="s">
        <v>1849</v>
      </c>
      <c r="O27" s="2" t="s">
        <v>1850</v>
      </c>
      <c r="P27" s="2" t="s">
        <v>1851</v>
      </c>
    </row>
    <row r="28" spans="1:16" x14ac:dyDescent="0.25">
      <c r="A28" s="4" t="s">
        <v>93</v>
      </c>
      <c r="B28" s="6" t="s">
        <v>1852</v>
      </c>
      <c r="C28" s="2" t="s">
        <v>1853</v>
      </c>
      <c r="D28" s="2" t="s">
        <v>1853</v>
      </c>
      <c r="E28" s="2" t="s">
        <v>1853</v>
      </c>
      <c r="F28" s="2" t="s">
        <v>1853</v>
      </c>
      <c r="G28" s="2" t="s">
        <v>1853</v>
      </c>
      <c r="H28" s="2" t="s">
        <v>1853</v>
      </c>
      <c r="I28" s="2" t="s">
        <v>1853</v>
      </c>
      <c r="J28" s="2" t="s">
        <v>1853</v>
      </c>
      <c r="K28" s="2" t="s">
        <v>1853</v>
      </c>
      <c r="L28" s="2" t="s">
        <v>1853</v>
      </c>
      <c r="M28" s="2" t="s">
        <v>1854</v>
      </c>
      <c r="N28" s="2" t="s">
        <v>1854</v>
      </c>
      <c r="O28" s="2" t="s">
        <v>1855</v>
      </c>
      <c r="P28" s="2" t="s">
        <v>1856</v>
      </c>
    </row>
    <row r="29" spans="1:16" x14ac:dyDescent="0.25">
      <c r="A29" s="4" t="s">
        <v>95</v>
      </c>
      <c r="B29" s="6" t="s">
        <v>1857</v>
      </c>
      <c r="C29" s="2" t="s">
        <v>1858</v>
      </c>
      <c r="D29" s="2" t="s">
        <v>1859</v>
      </c>
      <c r="E29" s="2" t="s">
        <v>1860</v>
      </c>
      <c r="F29" s="2" t="s">
        <v>1861</v>
      </c>
      <c r="G29" s="2" t="s">
        <v>1862</v>
      </c>
      <c r="H29" s="2" t="s">
        <v>1863</v>
      </c>
      <c r="I29" s="2" t="s">
        <v>1864</v>
      </c>
      <c r="J29" s="2" t="s">
        <v>1865</v>
      </c>
      <c r="K29" s="2" t="s">
        <v>1866</v>
      </c>
      <c r="L29" s="2" t="s">
        <v>1867</v>
      </c>
      <c r="M29" s="2" t="s">
        <v>1868</v>
      </c>
      <c r="N29" s="2" t="s">
        <v>1869</v>
      </c>
      <c r="O29" s="2" t="s">
        <v>1870</v>
      </c>
      <c r="P29" s="2" t="s">
        <v>1871</v>
      </c>
    </row>
    <row r="30" spans="1:16" x14ac:dyDescent="0.25">
      <c r="A30" s="4" t="s">
        <v>101</v>
      </c>
      <c r="B30" s="6" t="s">
        <v>1872</v>
      </c>
      <c r="C30" s="2" t="s">
        <v>1873</v>
      </c>
      <c r="D30" s="2" t="s">
        <v>1874</v>
      </c>
      <c r="E30" s="2" t="s">
        <v>1875</v>
      </c>
      <c r="F30" s="2" t="s">
        <v>1876</v>
      </c>
      <c r="G30" s="2" t="s">
        <v>1877</v>
      </c>
      <c r="H30" s="2" t="s">
        <v>1878</v>
      </c>
      <c r="I30" s="2" t="s">
        <v>1879</v>
      </c>
      <c r="J30" s="2" t="s">
        <v>1880</v>
      </c>
      <c r="K30" s="2" t="s">
        <v>1881</v>
      </c>
      <c r="L30" s="2" t="s">
        <v>1882</v>
      </c>
      <c r="M30" s="2" t="s">
        <v>1883</v>
      </c>
      <c r="N30" s="2" t="s">
        <v>1884</v>
      </c>
      <c r="O30" s="2" t="s">
        <v>1885</v>
      </c>
      <c r="P30" s="2" t="s">
        <v>164</v>
      </c>
    </row>
    <row r="31" spans="1:16" x14ac:dyDescent="0.25">
      <c r="A31" s="4" t="s">
        <v>103</v>
      </c>
      <c r="B31" s="6" t="s">
        <v>1886</v>
      </c>
      <c r="C31" s="2" t="s">
        <v>1887</v>
      </c>
      <c r="D31" s="2" t="s">
        <v>1888</v>
      </c>
      <c r="E31" s="2" t="s">
        <v>1889</v>
      </c>
      <c r="F31" s="2" t="s">
        <v>1890</v>
      </c>
      <c r="G31" s="2" t="s">
        <v>1891</v>
      </c>
      <c r="H31" s="2" t="s">
        <v>1892</v>
      </c>
      <c r="I31" s="2" t="s">
        <v>1893</v>
      </c>
      <c r="J31" s="2" t="s">
        <v>1894</v>
      </c>
      <c r="K31" s="2" t="s">
        <v>1895</v>
      </c>
      <c r="L31" s="2" t="s">
        <v>1896</v>
      </c>
      <c r="M31" s="2" t="s">
        <v>1897</v>
      </c>
      <c r="N31" s="2" t="s">
        <v>1898</v>
      </c>
      <c r="O31" s="2" t="s">
        <v>1899</v>
      </c>
      <c r="P31" s="2" t="s">
        <v>1900</v>
      </c>
    </row>
    <row r="32" spans="1:16" x14ac:dyDescent="0.25">
      <c r="A32" s="4" t="s">
        <v>105</v>
      </c>
      <c r="B32" s="6" t="s">
        <v>542</v>
      </c>
      <c r="C32" s="2" t="s">
        <v>1901</v>
      </c>
      <c r="D32" s="2" t="s">
        <v>1902</v>
      </c>
      <c r="E32" s="2" t="s">
        <v>1903</v>
      </c>
      <c r="F32" s="2" t="s">
        <v>1904</v>
      </c>
      <c r="G32" s="2" t="s">
        <v>1905</v>
      </c>
      <c r="H32" s="2" t="s">
        <v>1906</v>
      </c>
      <c r="I32" s="2" t="s">
        <v>1907</v>
      </c>
      <c r="J32" s="2" t="s">
        <v>1908</v>
      </c>
      <c r="K32" s="2" t="s">
        <v>1909</v>
      </c>
      <c r="L32" s="2" t="s">
        <v>1910</v>
      </c>
      <c r="M32" s="2" t="s">
        <v>1911</v>
      </c>
      <c r="N32" s="2" t="s">
        <v>1912</v>
      </c>
      <c r="O32" s="2" t="s">
        <v>1913</v>
      </c>
      <c r="P32" s="2" t="s">
        <v>177</v>
      </c>
    </row>
    <row r="33" spans="1:16" x14ac:dyDescent="0.25">
      <c r="A33" s="5" t="s">
        <v>107</v>
      </c>
      <c r="B33" s="7" t="s">
        <v>1914</v>
      </c>
      <c r="C33" s="3" t="s">
        <v>1915</v>
      </c>
      <c r="D33" s="3" t="s">
        <v>1916</v>
      </c>
      <c r="E33" s="3" t="s">
        <v>1917</v>
      </c>
      <c r="F33" s="3" t="s">
        <v>1918</v>
      </c>
      <c r="G33" s="3" t="s">
        <v>1919</v>
      </c>
      <c r="H33" s="3" t="s">
        <v>1920</v>
      </c>
      <c r="I33" s="3" t="s">
        <v>1921</v>
      </c>
      <c r="J33" s="3" t="s">
        <v>1922</v>
      </c>
      <c r="K33" s="3" t="s">
        <v>1923</v>
      </c>
      <c r="L33" s="3" t="s">
        <v>1924</v>
      </c>
      <c r="M33" s="3" t="s">
        <v>1925</v>
      </c>
      <c r="N33" s="3" t="s">
        <v>1926</v>
      </c>
      <c r="O33" s="3" t="s">
        <v>1927</v>
      </c>
      <c r="P33" s="3" t="s">
        <v>1928</v>
      </c>
    </row>
    <row r="34" spans="1:16" x14ac:dyDescent="0.25">
      <c r="A34" s="4" t="s">
        <v>113</v>
      </c>
      <c r="B34" s="6" t="s">
        <v>1929</v>
      </c>
      <c r="C34" s="2" t="s">
        <v>1930</v>
      </c>
      <c r="D34" s="2" t="s">
        <v>1931</v>
      </c>
      <c r="E34" s="2" t="s">
        <v>1932</v>
      </c>
      <c r="F34" s="2" t="s">
        <v>1933</v>
      </c>
      <c r="G34" s="2" t="s">
        <v>1934</v>
      </c>
      <c r="H34" s="2" t="s">
        <v>1935</v>
      </c>
      <c r="I34" s="2" t="s">
        <v>1936</v>
      </c>
      <c r="J34" s="2" t="s">
        <v>1937</v>
      </c>
      <c r="K34" s="2" t="s">
        <v>1938</v>
      </c>
      <c r="L34" s="2" t="s">
        <v>1939</v>
      </c>
      <c r="M34" s="2" t="s">
        <v>1940</v>
      </c>
      <c r="N34" s="2" t="s">
        <v>1941</v>
      </c>
      <c r="O34" s="2" t="s">
        <v>1942</v>
      </c>
      <c r="P34" s="2" t="s">
        <v>1943</v>
      </c>
    </row>
    <row r="35" spans="1:16" x14ac:dyDescent="0.25">
      <c r="A35" s="4" t="s">
        <v>119</v>
      </c>
      <c r="B35" s="6" t="s">
        <v>1944</v>
      </c>
      <c r="C35" s="2" t="s">
        <v>1754</v>
      </c>
      <c r="D35" s="2" t="s">
        <v>1755</v>
      </c>
      <c r="E35" s="2" t="s">
        <v>1756</v>
      </c>
      <c r="F35" s="2" t="s">
        <v>1757</v>
      </c>
      <c r="G35" s="2" t="s">
        <v>1758</v>
      </c>
      <c r="H35" s="2" t="s">
        <v>1759</v>
      </c>
      <c r="I35" s="2" t="s">
        <v>1760</v>
      </c>
      <c r="J35" s="2" t="s">
        <v>1761</v>
      </c>
      <c r="K35" s="2" t="s">
        <v>1762</v>
      </c>
      <c r="L35" s="2" t="s">
        <v>1763</v>
      </c>
      <c r="M35" s="2" t="s">
        <v>1945</v>
      </c>
      <c r="N35" s="2" t="s">
        <v>1946</v>
      </c>
      <c r="O35" s="2" t="s">
        <v>1947</v>
      </c>
      <c r="P35" s="2" t="s">
        <v>1948</v>
      </c>
    </row>
    <row r="36" spans="1:16" x14ac:dyDescent="0.25">
      <c r="A36" s="4" t="s">
        <v>125</v>
      </c>
      <c r="B36" s="6" t="s">
        <v>1949</v>
      </c>
      <c r="C36" s="2" t="s">
        <v>1950</v>
      </c>
      <c r="D36" s="2" t="s">
        <v>51</v>
      </c>
      <c r="E36" s="2" t="s">
        <v>1951</v>
      </c>
      <c r="F36" s="2" t="s">
        <v>51</v>
      </c>
      <c r="G36" s="2" t="s">
        <v>1952</v>
      </c>
      <c r="H36" s="2" t="s">
        <v>1953</v>
      </c>
      <c r="I36" s="2" t="s">
        <v>1954</v>
      </c>
      <c r="J36" s="2" t="s">
        <v>1955</v>
      </c>
      <c r="K36" s="2" t="s">
        <v>1956</v>
      </c>
      <c r="L36" s="2" t="s">
        <v>51</v>
      </c>
      <c r="M36" s="2" t="s">
        <v>51</v>
      </c>
      <c r="N36" s="2" t="s">
        <v>51</v>
      </c>
      <c r="O36" s="2" t="s">
        <v>1957</v>
      </c>
      <c r="P36" s="2" t="s">
        <v>51</v>
      </c>
    </row>
    <row r="37" spans="1:16" x14ac:dyDescent="0.25">
      <c r="A37" s="4" t="s">
        <v>131</v>
      </c>
      <c r="B37" s="6" t="s">
        <v>1958</v>
      </c>
      <c r="C37" s="2" t="s">
        <v>1959</v>
      </c>
      <c r="D37" s="2" t="s">
        <v>1960</v>
      </c>
      <c r="E37" s="2" t="s">
        <v>1961</v>
      </c>
      <c r="F37" s="2" t="s">
        <v>1962</v>
      </c>
      <c r="G37" s="2" t="s">
        <v>1963</v>
      </c>
      <c r="H37" s="2" t="s">
        <v>1964</v>
      </c>
      <c r="I37" s="2" t="s">
        <v>1965</v>
      </c>
      <c r="J37" s="2" t="s">
        <v>1966</v>
      </c>
      <c r="K37" s="2" t="s">
        <v>1967</v>
      </c>
      <c r="L37" s="2" t="s">
        <v>1968</v>
      </c>
      <c r="M37" s="2" t="s">
        <v>1969</v>
      </c>
      <c r="N37" s="2" t="s">
        <v>1970</v>
      </c>
      <c r="O37" s="2" t="s">
        <v>1971</v>
      </c>
      <c r="P37" s="2" t="s">
        <v>1972</v>
      </c>
    </row>
    <row r="38" spans="1:16" x14ac:dyDescent="0.25">
      <c r="A38" s="5" t="s">
        <v>133</v>
      </c>
      <c r="B38" s="7" t="s">
        <v>1973</v>
      </c>
      <c r="C38" s="3" t="s">
        <v>1974</v>
      </c>
      <c r="D38" s="3" t="s">
        <v>1975</v>
      </c>
      <c r="E38" s="3" t="s">
        <v>1976</v>
      </c>
      <c r="F38" s="3" t="s">
        <v>1977</v>
      </c>
      <c r="G38" s="3" t="s">
        <v>1978</v>
      </c>
      <c r="H38" s="3" t="s">
        <v>1979</v>
      </c>
      <c r="I38" s="3" t="s">
        <v>1980</v>
      </c>
      <c r="J38" s="3" t="s">
        <v>1981</v>
      </c>
      <c r="K38" s="3" t="s">
        <v>1982</v>
      </c>
      <c r="L38" s="3" t="s">
        <v>1983</v>
      </c>
      <c r="M38" s="3" t="s">
        <v>1984</v>
      </c>
      <c r="N38" s="3" t="s">
        <v>1985</v>
      </c>
      <c r="O38" s="3" t="s">
        <v>1986</v>
      </c>
      <c r="P38" s="3" t="s">
        <v>1987</v>
      </c>
    </row>
  </sheetData>
  <mergeCells count="11">
    <mergeCell ref="A3:P3"/>
    <mergeCell ref="A4:P4"/>
    <mergeCell ref="A5:P5"/>
    <mergeCell ref="A6:P6"/>
    <mergeCell ref="A7:P7"/>
    <mergeCell ref="A9:P9"/>
    <mergeCell ref="A10:A11"/>
    <mergeCell ref="B10:B11"/>
    <mergeCell ref="C10:N10"/>
    <mergeCell ref="O10:O11"/>
    <mergeCell ref="P10:P11"/>
  </mergeCell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H153"/>
  <sheetViews>
    <sheetView showGridLines="0" topLeftCell="A10" workbookViewId="0">
      <pane xSplit="2" ySplit="2" topLeftCell="C12" activePane="bottomRight" state="frozen"/>
      <selection activeCell="A10" sqref="A10"/>
      <selection pane="topRight" activeCell="C10" sqref="C10"/>
      <selection pane="bottomLeft" activeCell="A12" sqref="A12"/>
      <selection pane="bottomRight" activeCell="F148" sqref="F148"/>
    </sheetView>
  </sheetViews>
  <sheetFormatPr defaultRowHeight="15" x14ac:dyDescent="0.25"/>
  <cols>
    <col min="1" max="1" width="2.85546875" bestFit="1" customWidth="1"/>
    <col min="2" max="2" width="43.5703125" bestFit="1" customWidth="1"/>
    <col min="3" max="3" width="22.85546875" bestFit="1" customWidth="1"/>
    <col min="4" max="4" width="19.85546875" bestFit="1" customWidth="1"/>
    <col min="5" max="5" width="15.42578125" bestFit="1" customWidth="1"/>
    <col min="6" max="6" width="17.28515625" bestFit="1" customWidth="1"/>
    <col min="7" max="7" width="14.28515625" bestFit="1" customWidth="1"/>
    <col min="8" max="8" width="15.42578125" bestFit="1" customWidth="1"/>
  </cols>
  <sheetData>
    <row r="3" spans="1:8" x14ac:dyDescent="0.25">
      <c r="A3" s="14" t="s">
        <v>0</v>
      </c>
      <c r="B3" s="13"/>
      <c r="C3" s="13"/>
      <c r="D3" s="13"/>
      <c r="E3" s="13"/>
      <c r="F3" s="13"/>
      <c r="G3" s="13"/>
      <c r="H3" s="13"/>
    </row>
    <row r="4" spans="1:8" x14ac:dyDescent="0.25">
      <c r="A4" s="14" t="s">
        <v>1</v>
      </c>
      <c r="B4" s="13"/>
      <c r="C4" s="13"/>
      <c r="D4" s="13"/>
      <c r="E4" s="13"/>
      <c r="F4" s="13"/>
      <c r="G4" s="13"/>
      <c r="H4" s="13"/>
    </row>
    <row r="5" spans="1:8" x14ac:dyDescent="0.25">
      <c r="A5" s="15" t="s">
        <v>1988</v>
      </c>
      <c r="B5" s="13"/>
      <c r="C5" s="13"/>
      <c r="D5" s="13"/>
      <c r="E5" s="13"/>
      <c r="F5" s="13"/>
      <c r="G5" s="13"/>
      <c r="H5" s="13"/>
    </row>
    <row r="6" spans="1:8" x14ac:dyDescent="0.25">
      <c r="A6" s="14" t="s">
        <v>3</v>
      </c>
      <c r="B6" s="13"/>
      <c r="C6" s="13"/>
      <c r="D6" s="13"/>
      <c r="E6" s="13"/>
      <c r="F6" s="13"/>
      <c r="G6" s="13"/>
      <c r="H6" s="13"/>
    </row>
    <row r="7" spans="1:8" x14ac:dyDescent="0.25">
      <c r="A7" s="14" t="s">
        <v>4</v>
      </c>
      <c r="B7" s="13"/>
      <c r="C7" s="13"/>
      <c r="D7" s="13"/>
      <c r="E7" s="13"/>
      <c r="F7" s="13"/>
      <c r="G7" s="13"/>
      <c r="H7" s="13"/>
    </row>
    <row r="9" spans="1:8" x14ac:dyDescent="0.25">
      <c r="A9" s="12" t="s">
        <v>1989</v>
      </c>
      <c r="B9" s="13"/>
      <c r="C9" s="13"/>
      <c r="D9" s="13"/>
      <c r="E9" s="13"/>
      <c r="F9" s="13"/>
      <c r="G9" s="13"/>
      <c r="H9" s="13"/>
    </row>
    <row r="10" spans="1:8" x14ac:dyDescent="0.25">
      <c r="A10" s="11" t="s">
        <v>6</v>
      </c>
      <c r="B10" s="11" t="s">
        <v>1990</v>
      </c>
      <c r="C10" s="11" t="s">
        <v>9</v>
      </c>
      <c r="D10" s="11" t="s">
        <v>1649</v>
      </c>
      <c r="E10" s="11" t="s">
        <v>11</v>
      </c>
      <c r="F10" s="11" t="s">
        <v>11</v>
      </c>
    </row>
    <row r="11" spans="1:8" ht="21" x14ac:dyDescent="0.25">
      <c r="A11" s="11" t="s">
        <v>7</v>
      </c>
      <c r="B11" s="11" t="s">
        <v>7</v>
      </c>
      <c r="C11" s="11" t="s">
        <v>7</v>
      </c>
      <c r="D11" s="11" t="s">
        <v>7</v>
      </c>
      <c r="E11" s="1" t="s">
        <v>1991</v>
      </c>
      <c r="F11" s="1" t="s">
        <v>1992</v>
      </c>
    </row>
    <row r="12" spans="1:8" x14ac:dyDescent="0.25">
      <c r="A12" s="5" t="s">
        <v>17</v>
      </c>
      <c r="B12" s="7" t="s">
        <v>1650</v>
      </c>
      <c r="C12" s="3" t="s">
        <v>1993</v>
      </c>
      <c r="D12" s="3" t="s">
        <v>1994</v>
      </c>
      <c r="E12" s="3" t="s">
        <v>1995</v>
      </c>
      <c r="F12" s="3" t="s">
        <v>1996</v>
      </c>
    </row>
    <row r="13" spans="1:8" x14ac:dyDescent="0.25">
      <c r="A13" s="5" t="s">
        <v>24</v>
      </c>
      <c r="B13" s="7" t="s">
        <v>1997</v>
      </c>
      <c r="C13" s="3" t="s">
        <v>1998</v>
      </c>
      <c r="D13" s="3" t="s">
        <v>1948</v>
      </c>
      <c r="E13" s="3" t="s">
        <v>1999</v>
      </c>
      <c r="F13" s="3" t="s">
        <v>2000</v>
      </c>
    </row>
    <row r="14" spans="1:8" x14ac:dyDescent="0.25">
      <c r="A14" s="5" t="s">
        <v>31</v>
      </c>
      <c r="B14" s="7" t="s">
        <v>2001</v>
      </c>
      <c r="C14" s="3" t="s">
        <v>2002</v>
      </c>
      <c r="D14" s="3" t="s">
        <v>2003</v>
      </c>
      <c r="E14" s="3" t="s">
        <v>2004</v>
      </c>
      <c r="F14" s="3" t="s">
        <v>2000</v>
      </c>
    </row>
    <row r="15" spans="1:8" x14ac:dyDescent="0.25">
      <c r="A15" s="4" t="s">
        <v>37</v>
      </c>
      <c r="B15" s="6" t="s">
        <v>2005</v>
      </c>
      <c r="C15" s="2" t="s">
        <v>2006</v>
      </c>
      <c r="D15" s="2" t="s">
        <v>2007</v>
      </c>
      <c r="E15" s="2" t="s">
        <v>2008</v>
      </c>
      <c r="F15" s="2" t="s">
        <v>2000</v>
      </c>
    </row>
    <row r="16" spans="1:8" x14ac:dyDescent="0.25">
      <c r="A16" s="4" t="s">
        <v>43</v>
      </c>
      <c r="B16" s="6" t="s">
        <v>2009</v>
      </c>
      <c r="C16" s="2" t="s">
        <v>2010</v>
      </c>
      <c r="D16" s="2" t="s">
        <v>2011</v>
      </c>
      <c r="E16" s="2" t="s">
        <v>2012</v>
      </c>
      <c r="F16" s="2" t="s">
        <v>51</v>
      </c>
    </row>
    <row r="17" spans="1:6" x14ac:dyDescent="0.25">
      <c r="A17" s="4" t="s">
        <v>49</v>
      </c>
      <c r="B17" s="6" t="s">
        <v>2013</v>
      </c>
      <c r="C17" s="2" t="s">
        <v>2014</v>
      </c>
      <c r="D17" s="2" t="s">
        <v>2014</v>
      </c>
      <c r="E17" s="2" t="s">
        <v>2015</v>
      </c>
      <c r="F17" s="2" t="s">
        <v>51</v>
      </c>
    </row>
    <row r="18" spans="1:6" x14ac:dyDescent="0.25">
      <c r="A18" s="5" t="s">
        <v>52</v>
      </c>
      <c r="B18" s="7" t="s">
        <v>2016</v>
      </c>
      <c r="C18" s="3" t="s">
        <v>2017</v>
      </c>
      <c r="D18" s="3" t="s">
        <v>2018</v>
      </c>
      <c r="E18" s="3" t="s">
        <v>2019</v>
      </c>
      <c r="F18" s="3" t="s">
        <v>51</v>
      </c>
    </row>
    <row r="19" spans="1:6" x14ac:dyDescent="0.25">
      <c r="A19" s="4" t="s">
        <v>59</v>
      </c>
      <c r="B19" s="6" t="s">
        <v>2005</v>
      </c>
      <c r="C19" s="2" t="s">
        <v>2020</v>
      </c>
      <c r="D19" s="2" t="s">
        <v>2021</v>
      </c>
      <c r="E19" s="2" t="s">
        <v>2019</v>
      </c>
      <c r="F19" s="2" t="s">
        <v>51</v>
      </c>
    </row>
    <row r="20" spans="1:6" x14ac:dyDescent="0.25">
      <c r="A20" s="4" t="s">
        <v>61</v>
      </c>
      <c r="B20" s="6" t="s">
        <v>2009</v>
      </c>
      <c r="C20" s="2" t="s">
        <v>2022</v>
      </c>
      <c r="D20" s="2" t="s">
        <v>2022</v>
      </c>
      <c r="E20" s="2" t="s">
        <v>51</v>
      </c>
      <c r="F20" s="2" t="s">
        <v>51</v>
      </c>
    </row>
    <row r="21" spans="1:6" x14ac:dyDescent="0.25">
      <c r="A21" s="4" t="s">
        <v>63</v>
      </c>
      <c r="B21" s="6" t="s">
        <v>2013</v>
      </c>
      <c r="C21" s="2" t="s">
        <v>2023</v>
      </c>
      <c r="D21" s="2" t="s">
        <v>2023</v>
      </c>
      <c r="E21" s="2" t="s">
        <v>51</v>
      </c>
      <c r="F21" s="2" t="s">
        <v>51</v>
      </c>
    </row>
    <row r="22" spans="1:6" x14ac:dyDescent="0.25">
      <c r="A22" s="5" t="s">
        <v>65</v>
      </c>
      <c r="B22" s="7" t="s">
        <v>2024</v>
      </c>
      <c r="C22" s="3" t="s">
        <v>2025</v>
      </c>
      <c r="D22" s="3" t="s">
        <v>2026</v>
      </c>
      <c r="E22" s="3" t="s">
        <v>2027</v>
      </c>
      <c r="F22" s="3" t="s">
        <v>2028</v>
      </c>
    </row>
    <row r="23" spans="1:6" x14ac:dyDescent="0.25">
      <c r="A23" s="5" t="s">
        <v>67</v>
      </c>
      <c r="B23" s="7" t="s">
        <v>2001</v>
      </c>
      <c r="C23" s="3" t="s">
        <v>2029</v>
      </c>
      <c r="D23" s="3" t="s">
        <v>2030</v>
      </c>
      <c r="E23" s="3" t="s">
        <v>2031</v>
      </c>
      <c r="F23" s="3" t="s">
        <v>2032</v>
      </c>
    </row>
    <row r="24" spans="1:6" x14ac:dyDescent="0.25">
      <c r="A24" s="4" t="s">
        <v>73</v>
      </c>
      <c r="B24" s="6" t="s">
        <v>2005</v>
      </c>
      <c r="C24" s="2" t="s">
        <v>2033</v>
      </c>
      <c r="D24" s="2" t="s">
        <v>2034</v>
      </c>
      <c r="E24" s="2" t="s">
        <v>2035</v>
      </c>
      <c r="F24" s="2" t="s">
        <v>2032</v>
      </c>
    </row>
    <row r="25" spans="1:6" x14ac:dyDescent="0.25">
      <c r="A25" s="4" t="s">
        <v>79</v>
      </c>
      <c r="B25" s="6" t="s">
        <v>2009</v>
      </c>
      <c r="C25" s="2" t="s">
        <v>2036</v>
      </c>
      <c r="D25" s="2" t="s">
        <v>2037</v>
      </c>
      <c r="E25" s="2" t="s">
        <v>2038</v>
      </c>
      <c r="F25" s="2" t="s">
        <v>51</v>
      </c>
    </row>
    <row r="26" spans="1:6" x14ac:dyDescent="0.25">
      <c r="A26" s="4" t="s">
        <v>85</v>
      </c>
      <c r="B26" s="6" t="s">
        <v>2013</v>
      </c>
      <c r="C26" s="2" t="s">
        <v>2039</v>
      </c>
      <c r="D26" s="2" t="s">
        <v>2040</v>
      </c>
      <c r="E26" s="2" t="s">
        <v>2041</v>
      </c>
      <c r="F26" s="2" t="s">
        <v>51</v>
      </c>
    </row>
    <row r="27" spans="1:6" x14ac:dyDescent="0.25">
      <c r="A27" s="5" t="s">
        <v>87</v>
      </c>
      <c r="B27" s="7" t="s">
        <v>2016</v>
      </c>
      <c r="C27" s="3" t="s">
        <v>2042</v>
      </c>
      <c r="D27" s="3" t="s">
        <v>2043</v>
      </c>
      <c r="E27" s="3" t="s">
        <v>2044</v>
      </c>
      <c r="F27" s="3" t="s">
        <v>2045</v>
      </c>
    </row>
    <row r="28" spans="1:6" x14ac:dyDescent="0.25">
      <c r="A28" s="4" t="s">
        <v>93</v>
      </c>
      <c r="B28" s="6" t="s">
        <v>2005</v>
      </c>
      <c r="C28" s="2" t="s">
        <v>2046</v>
      </c>
      <c r="D28" s="2" t="s">
        <v>2047</v>
      </c>
      <c r="E28" s="2" t="s">
        <v>2044</v>
      </c>
      <c r="F28" s="2" t="s">
        <v>2045</v>
      </c>
    </row>
    <row r="29" spans="1:6" x14ac:dyDescent="0.25">
      <c r="A29" s="4" t="s">
        <v>95</v>
      </c>
      <c r="B29" s="6" t="s">
        <v>2009</v>
      </c>
      <c r="C29" s="2" t="s">
        <v>2048</v>
      </c>
      <c r="D29" s="2" t="s">
        <v>2048</v>
      </c>
      <c r="E29" s="2" t="s">
        <v>51</v>
      </c>
      <c r="F29" s="2" t="s">
        <v>51</v>
      </c>
    </row>
    <row r="30" spans="1:6" x14ac:dyDescent="0.25">
      <c r="A30" s="4" t="s">
        <v>101</v>
      </c>
      <c r="B30" s="6" t="s">
        <v>2013</v>
      </c>
      <c r="C30" s="2" t="s">
        <v>2049</v>
      </c>
      <c r="D30" s="2" t="s">
        <v>2049</v>
      </c>
      <c r="E30" s="2" t="s">
        <v>51</v>
      </c>
      <c r="F30" s="2" t="s">
        <v>51</v>
      </c>
    </row>
    <row r="31" spans="1:6" x14ac:dyDescent="0.25">
      <c r="A31" s="4" t="s">
        <v>103</v>
      </c>
      <c r="B31" s="6" t="s">
        <v>2050</v>
      </c>
      <c r="C31" s="2" t="s">
        <v>51</v>
      </c>
      <c r="D31" s="2" t="s">
        <v>51</v>
      </c>
      <c r="E31" s="2" t="s">
        <v>51</v>
      </c>
      <c r="F31" s="2" t="s">
        <v>51</v>
      </c>
    </row>
    <row r="32" spans="1:6" x14ac:dyDescent="0.25">
      <c r="A32" s="5" t="s">
        <v>105</v>
      </c>
      <c r="B32" s="7" t="s">
        <v>2051</v>
      </c>
      <c r="C32" s="3" t="s">
        <v>2052</v>
      </c>
      <c r="D32" s="3" t="s">
        <v>2052</v>
      </c>
      <c r="E32" s="3" t="s">
        <v>2053</v>
      </c>
      <c r="F32" s="3" t="s">
        <v>2054</v>
      </c>
    </row>
    <row r="33" spans="1:8" x14ac:dyDescent="0.25">
      <c r="A33" s="4" t="s">
        <v>107</v>
      </c>
      <c r="B33" s="6" t="s">
        <v>2055</v>
      </c>
      <c r="C33" s="2" t="s">
        <v>2056</v>
      </c>
      <c r="D33" s="2" t="s">
        <v>2056</v>
      </c>
      <c r="E33" s="2" t="s">
        <v>2057</v>
      </c>
      <c r="F33" s="2" t="s">
        <v>51</v>
      </c>
    </row>
    <row r="34" spans="1:8" x14ac:dyDescent="0.25">
      <c r="A34" s="4" t="s">
        <v>113</v>
      </c>
      <c r="B34" s="6" t="s">
        <v>2058</v>
      </c>
      <c r="C34" s="2" t="s">
        <v>2059</v>
      </c>
      <c r="D34" s="2" t="s">
        <v>2059</v>
      </c>
      <c r="E34" s="2" t="s">
        <v>2060</v>
      </c>
      <c r="F34" s="2" t="s">
        <v>2054</v>
      </c>
    </row>
    <row r="35" spans="1:8" x14ac:dyDescent="0.25">
      <c r="A35" s="4" t="s">
        <v>119</v>
      </c>
      <c r="B35" s="6" t="s">
        <v>2061</v>
      </c>
      <c r="C35" s="2" t="s">
        <v>51</v>
      </c>
      <c r="D35" s="2" t="s">
        <v>51</v>
      </c>
      <c r="E35" s="2" t="s">
        <v>51</v>
      </c>
      <c r="F35" s="2" t="s">
        <v>51</v>
      </c>
    </row>
    <row r="36" spans="1:8" x14ac:dyDescent="0.25">
      <c r="A36" s="4" t="s">
        <v>125</v>
      </c>
      <c r="B36" s="6" t="s">
        <v>2062</v>
      </c>
      <c r="C36" s="2" t="s">
        <v>51</v>
      </c>
      <c r="D36" s="2" t="s">
        <v>51</v>
      </c>
      <c r="E36" s="2" t="s">
        <v>51</v>
      </c>
      <c r="F36" s="2" t="s">
        <v>51</v>
      </c>
    </row>
    <row r="37" spans="1:8" x14ac:dyDescent="0.25">
      <c r="A37" s="5" t="s">
        <v>131</v>
      </c>
      <c r="B37" s="7" t="s">
        <v>2063</v>
      </c>
      <c r="C37" s="3" t="s">
        <v>2064</v>
      </c>
      <c r="D37" s="3" t="s">
        <v>2065</v>
      </c>
      <c r="E37" s="3" t="s">
        <v>2066</v>
      </c>
      <c r="F37" s="3" t="s">
        <v>51</v>
      </c>
    </row>
    <row r="38" spans="1:8" x14ac:dyDescent="0.25">
      <c r="A38" s="4" t="s">
        <v>133</v>
      </c>
      <c r="B38" s="6" t="s">
        <v>2067</v>
      </c>
      <c r="C38" s="2" t="s">
        <v>2068</v>
      </c>
      <c r="D38" s="2" t="s">
        <v>2068</v>
      </c>
      <c r="E38" s="2" t="s">
        <v>51</v>
      </c>
      <c r="F38" s="2" t="s">
        <v>51</v>
      </c>
    </row>
    <row r="39" spans="1:8" x14ac:dyDescent="0.25">
      <c r="A39" s="4" t="s">
        <v>139</v>
      </c>
      <c r="B39" s="6" t="s">
        <v>2069</v>
      </c>
      <c r="C39" s="2" t="s">
        <v>51</v>
      </c>
      <c r="D39" s="2" t="s">
        <v>2070</v>
      </c>
      <c r="E39" s="2" t="s">
        <v>2071</v>
      </c>
      <c r="F39" s="2" t="s">
        <v>51</v>
      </c>
    </row>
    <row r="40" spans="1:8" x14ac:dyDescent="0.25">
      <c r="A40" s="4" t="s">
        <v>145</v>
      </c>
      <c r="B40" s="6" t="s">
        <v>2072</v>
      </c>
      <c r="C40" s="2" t="s">
        <v>2073</v>
      </c>
      <c r="D40" s="2" t="s">
        <v>2073</v>
      </c>
      <c r="E40" s="2" t="s">
        <v>2074</v>
      </c>
      <c r="F40" s="2" t="s">
        <v>51</v>
      </c>
    </row>
    <row r="41" spans="1:8" x14ac:dyDescent="0.25">
      <c r="A41" s="5" t="s">
        <v>151</v>
      </c>
      <c r="B41" s="7" t="s">
        <v>2075</v>
      </c>
      <c r="C41" s="3" t="s">
        <v>51</v>
      </c>
      <c r="D41" s="3" t="s">
        <v>51</v>
      </c>
      <c r="E41" s="3" t="s">
        <v>51</v>
      </c>
      <c r="F41" s="3" t="s">
        <v>51</v>
      </c>
    </row>
    <row r="42" spans="1:8" x14ac:dyDescent="0.25">
      <c r="A42" s="4" t="s">
        <v>153</v>
      </c>
      <c r="B42" s="6" t="s">
        <v>2076</v>
      </c>
      <c r="C42" s="2" t="s">
        <v>51</v>
      </c>
      <c r="D42" s="2" t="s">
        <v>51</v>
      </c>
      <c r="E42" s="2" t="s">
        <v>51</v>
      </c>
      <c r="F42" s="2" t="s">
        <v>51</v>
      </c>
    </row>
    <row r="43" spans="1:8" x14ac:dyDescent="0.25">
      <c r="A43" s="4" t="s">
        <v>156</v>
      </c>
      <c r="B43" s="6" t="s">
        <v>2077</v>
      </c>
      <c r="C43" s="2" t="s">
        <v>51</v>
      </c>
      <c r="D43" s="2" t="s">
        <v>51</v>
      </c>
      <c r="E43" s="2" t="s">
        <v>51</v>
      </c>
      <c r="F43" s="2" t="s">
        <v>51</v>
      </c>
    </row>
    <row r="44" spans="1:8" x14ac:dyDescent="0.25">
      <c r="A44" s="4" t="s">
        <v>162</v>
      </c>
      <c r="B44" s="6" t="s">
        <v>2078</v>
      </c>
      <c r="C44" s="2" t="s">
        <v>51</v>
      </c>
      <c r="D44" s="2" t="s">
        <v>51</v>
      </c>
      <c r="E44" s="2" t="s">
        <v>51</v>
      </c>
      <c r="F44" s="2" t="s">
        <v>51</v>
      </c>
    </row>
    <row r="45" spans="1:8" x14ac:dyDescent="0.25">
      <c r="A45" s="4" t="s">
        <v>168</v>
      </c>
      <c r="B45" s="6" t="s">
        <v>2079</v>
      </c>
      <c r="C45" s="2" t="s">
        <v>1993</v>
      </c>
      <c r="D45" s="2" t="s">
        <v>2080</v>
      </c>
      <c r="E45" s="10">
        <v>445862600.91000003</v>
      </c>
      <c r="F45" s="10">
        <v>11852352.83</v>
      </c>
    </row>
    <row r="47" spans="1:8" x14ac:dyDescent="0.25">
      <c r="A47" s="11" t="s">
        <v>6</v>
      </c>
      <c r="B47" s="11" t="s">
        <v>2081</v>
      </c>
      <c r="C47" s="11" t="s">
        <v>632</v>
      </c>
      <c r="D47" s="11" t="s">
        <v>2082</v>
      </c>
      <c r="E47" s="11" t="s">
        <v>318</v>
      </c>
      <c r="F47" s="11" t="s">
        <v>7</v>
      </c>
      <c r="G47" s="11" t="s">
        <v>322</v>
      </c>
      <c r="H47" s="11" t="s">
        <v>322</v>
      </c>
    </row>
    <row r="48" spans="1:8" ht="31.5" x14ac:dyDescent="0.25">
      <c r="A48" s="11" t="s">
        <v>7</v>
      </c>
      <c r="B48" s="11" t="s">
        <v>7</v>
      </c>
      <c r="C48" s="11" t="s">
        <v>7</v>
      </c>
      <c r="D48" s="11" t="s">
        <v>7</v>
      </c>
      <c r="E48" s="1" t="s">
        <v>1991</v>
      </c>
      <c r="F48" s="1" t="s">
        <v>1992</v>
      </c>
      <c r="G48" s="1" t="s">
        <v>1991</v>
      </c>
      <c r="H48" s="1" t="s">
        <v>1992</v>
      </c>
    </row>
    <row r="49" spans="1:8" x14ac:dyDescent="0.25">
      <c r="A49" s="5" t="s">
        <v>171</v>
      </c>
      <c r="B49" s="7" t="s">
        <v>2083</v>
      </c>
      <c r="C49" s="3" t="s">
        <v>2084</v>
      </c>
      <c r="D49" s="3" t="s">
        <v>2085</v>
      </c>
      <c r="E49" s="3" t="s">
        <v>2086</v>
      </c>
      <c r="F49" s="3" t="s">
        <v>51</v>
      </c>
      <c r="G49" s="3" t="s">
        <v>2087</v>
      </c>
      <c r="H49" s="3" t="s">
        <v>51</v>
      </c>
    </row>
    <row r="50" spans="1:8" x14ac:dyDescent="0.25">
      <c r="A50" s="4" t="s">
        <v>173</v>
      </c>
      <c r="B50" s="6" t="s">
        <v>2088</v>
      </c>
      <c r="C50" s="2" t="s">
        <v>2089</v>
      </c>
      <c r="D50" s="2" t="s">
        <v>2090</v>
      </c>
      <c r="E50" s="2" t="s">
        <v>2086</v>
      </c>
      <c r="F50" s="2" t="s">
        <v>51</v>
      </c>
      <c r="G50" s="2" t="s">
        <v>2087</v>
      </c>
      <c r="H50" s="2" t="s">
        <v>51</v>
      </c>
    </row>
    <row r="51" spans="1:8" x14ac:dyDescent="0.25">
      <c r="A51" s="4" t="s">
        <v>175</v>
      </c>
      <c r="B51" s="6" t="s">
        <v>2091</v>
      </c>
      <c r="C51" s="2" t="s">
        <v>2092</v>
      </c>
      <c r="D51" s="2" t="s">
        <v>2093</v>
      </c>
      <c r="E51" s="2" t="s">
        <v>51</v>
      </c>
      <c r="F51" s="2" t="s">
        <v>51</v>
      </c>
      <c r="G51" s="2" t="s">
        <v>51</v>
      </c>
      <c r="H51" s="2" t="s">
        <v>51</v>
      </c>
    </row>
    <row r="52" spans="1:8" x14ac:dyDescent="0.25">
      <c r="A52" s="5" t="s">
        <v>181</v>
      </c>
      <c r="B52" s="7" t="s">
        <v>2094</v>
      </c>
      <c r="C52" s="3" t="s">
        <v>2095</v>
      </c>
      <c r="D52" s="3" t="s">
        <v>2096</v>
      </c>
      <c r="E52" s="3" t="s">
        <v>2097</v>
      </c>
      <c r="F52" s="3" t="s">
        <v>2098</v>
      </c>
      <c r="G52" s="3" t="s">
        <v>2099</v>
      </c>
      <c r="H52" s="3" t="s">
        <v>2100</v>
      </c>
    </row>
    <row r="53" spans="1:8" x14ac:dyDescent="0.25">
      <c r="A53" s="5" t="s">
        <v>187</v>
      </c>
      <c r="B53" s="7" t="s">
        <v>2101</v>
      </c>
      <c r="C53" s="3" t="s">
        <v>2102</v>
      </c>
      <c r="D53" s="3" t="s">
        <v>2103</v>
      </c>
      <c r="E53" s="3" t="s">
        <v>2104</v>
      </c>
      <c r="F53" s="3" t="s">
        <v>2105</v>
      </c>
      <c r="G53" s="3" t="s">
        <v>2106</v>
      </c>
      <c r="H53" s="3" t="s">
        <v>2107</v>
      </c>
    </row>
    <row r="54" spans="1:8" x14ac:dyDescent="0.25">
      <c r="A54" s="4" t="s">
        <v>193</v>
      </c>
      <c r="B54" s="6" t="s">
        <v>2108</v>
      </c>
      <c r="C54" s="2" t="s">
        <v>2109</v>
      </c>
      <c r="D54" s="2" t="s">
        <v>2110</v>
      </c>
      <c r="E54" s="2" t="s">
        <v>2111</v>
      </c>
      <c r="F54" s="2" t="s">
        <v>51</v>
      </c>
      <c r="G54" s="2" t="s">
        <v>2112</v>
      </c>
      <c r="H54" s="2" t="s">
        <v>51</v>
      </c>
    </row>
    <row r="55" spans="1:8" x14ac:dyDescent="0.25">
      <c r="A55" s="4" t="s">
        <v>195</v>
      </c>
      <c r="B55" s="6" t="s">
        <v>2113</v>
      </c>
      <c r="C55" s="2" t="s">
        <v>2114</v>
      </c>
      <c r="D55" s="2" t="s">
        <v>2115</v>
      </c>
      <c r="E55" s="2" t="s">
        <v>2116</v>
      </c>
      <c r="F55" s="2" t="s">
        <v>2117</v>
      </c>
      <c r="G55" s="2" t="s">
        <v>2118</v>
      </c>
      <c r="H55" s="2" t="s">
        <v>2119</v>
      </c>
    </row>
    <row r="56" spans="1:8" x14ac:dyDescent="0.25">
      <c r="A56" s="4" t="s">
        <v>201</v>
      </c>
      <c r="B56" s="6" t="s">
        <v>2120</v>
      </c>
      <c r="C56" s="2" t="s">
        <v>2121</v>
      </c>
      <c r="D56" s="2" t="s">
        <v>2122</v>
      </c>
      <c r="E56" s="2" t="s">
        <v>2123</v>
      </c>
      <c r="F56" s="2" t="s">
        <v>2124</v>
      </c>
      <c r="G56" s="2" t="s">
        <v>2125</v>
      </c>
      <c r="H56" s="2" t="s">
        <v>2126</v>
      </c>
    </row>
    <row r="57" spans="1:8" x14ac:dyDescent="0.25">
      <c r="A57" s="5" t="s">
        <v>207</v>
      </c>
      <c r="B57" s="7" t="s">
        <v>2127</v>
      </c>
      <c r="C57" s="3" t="s">
        <v>2128</v>
      </c>
      <c r="D57" s="3" t="s">
        <v>2129</v>
      </c>
      <c r="E57" s="3" t="s">
        <v>2130</v>
      </c>
      <c r="F57" s="3" t="s">
        <v>2131</v>
      </c>
      <c r="G57" s="3" t="s">
        <v>2132</v>
      </c>
      <c r="H57" s="3" t="s">
        <v>2133</v>
      </c>
    </row>
    <row r="58" spans="1:8" x14ac:dyDescent="0.25">
      <c r="A58" s="4" t="s">
        <v>209</v>
      </c>
      <c r="B58" s="6" t="s">
        <v>2134</v>
      </c>
      <c r="C58" s="2" t="s">
        <v>2135</v>
      </c>
      <c r="D58" s="2" t="s">
        <v>2136</v>
      </c>
      <c r="E58" s="2" t="s">
        <v>2137</v>
      </c>
      <c r="F58" s="2" t="s">
        <v>51</v>
      </c>
      <c r="G58" s="2" t="s">
        <v>2138</v>
      </c>
      <c r="H58" s="2" t="s">
        <v>51</v>
      </c>
    </row>
    <row r="59" spans="1:8" x14ac:dyDescent="0.25">
      <c r="A59" s="4" t="s">
        <v>211</v>
      </c>
      <c r="B59" s="6" t="s">
        <v>2113</v>
      </c>
      <c r="C59" s="2" t="s">
        <v>2139</v>
      </c>
      <c r="D59" s="2" t="s">
        <v>2140</v>
      </c>
      <c r="E59" s="2" t="s">
        <v>2141</v>
      </c>
      <c r="F59" s="2" t="s">
        <v>2142</v>
      </c>
      <c r="G59" s="2" t="s">
        <v>2143</v>
      </c>
      <c r="H59" s="2" t="s">
        <v>2144</v>
      </c>
    </row>
    <row r="60" spans="1:8" x14ac:dyDescent="0.25">
      <c r="A60" s="4" t="s">
        <v>213</v>
      </c>
      <c r="B60" s="6" t="s">
        <v>2120</v>
      </c>
      <c r="C60" s="2" t="s">
        <v>2145</v>
      </c>
      <c r="D60" s="2" t="s">
        <v>2145</v>
      </c>
      <c r="E60" s="2" t="s">
        <v>2146</v>
      </c>
      <c r="F60" s="2" t="s">
        <v>2147</v>
      </c>
      <c r="G60" s="2" t="s">
        <v>2148</v>
      </c>
      <c r="H60" s="2" t="s">
        <v>2045</v>
      </c>
    </row>
    <row r="61" spans="1:8" x14ac:dyDescent="0.25">
      <c r="A61" s="5" t="s">
        <v>219</v>
      </c>
      <c r="B61" s="7" t="s">
        <v>2149</v>
      </c>
      <c r="C61" s="3" t="s">
        <v>2150</v>
      </c>
      <c r="D61" s="3" t="s">
        <v>2151</v>
      </c>
      <c r="E61" s="3" t="s">
        <v>2152</v>
      </c>
      <c r="F61" s="3" t="s">
        <v>51</v>
      </c>
      <c r="G61" s="3" t="s">
        <v>2152</v>
      </c>
      <c r="H61" s="3" t="s">
        <v>51</v>
      </c>
    </row>
    <row r="62" spans="1:8" x14ac:dyDescent="0.25">
      <c r="A62" s="4" t="s">
        <v>224</v>
      </c>
      <c r="B62" s="6" t="s">
        <v>2153</v>
      </c>
      <c r="C62" s="2" t="s">
        <v>2154</v>
      </c>
      <c r="D62" s="2" t="s">
        <v>2155</v>
      </c>
      <c r="E62" s="2" t="s">
        <v>2152</v>
      </c>
      <c r="F62" s="2" t="s">
        <v>51</v>
      </c>
      <c r="G62" s="2" t="s">
        <v>2152</v>
      </c>
      <c r="H62" s="2" t="s">
        <v>51</v>
      </c>
    </row>
    <row r="63" spans="1:8" x14ac:dyDescent="0.25">
      <c r="A63" s="4" t="s">
        <v>228</v>
      </c>
      <c r="B63" s="6" t="s">
        <v>2156</v>
      </c>
      <c r="C63" s="2" t="s">
        <v>457</v>
      </c>
      <c r="D63" s="2" t="s">
        <v>458</v>
      </c>
      <c r="E63" s="2" t="s">
        <v>51</v>
      </c>
      <c r="F63" s="2" t="s">
        <v>51</v>
      </c>
      <c r="G63" s="2" t="s">
        <v>51</v>
      </c>
      <c r="H63" s="2" t="s">
        <v>51</v>
      </c>
    </row>
    <row r="64" spans="1:8" x14ac:dyDescent="0.25">
      <c r="A64" s="5" t="s">
        <v>230</v>
      </c>
      <c r="B64" s="7" t="s">
        <v>2157</v>
      </c>
      <c r="C64" s="3" t="s">
        <v>2158</v>
      </c>
      <c r="D64" s="3" t="s">
        <v>2159</v>
      </c>
      <c r="E64" s="9">
        <v>551935083.5</v>
      </c>
      <c r="F64" s="9">
        <v>2051885.13</v>
      </c>
      <c r="G64" s="3" t="s">
        <v>2160</v>
      </c>
      <c r="H64" s="3" t="s">
        <v>2100</v>
      </c>
    </row>
    <row r="66" spans="1:8" x14ac:dyDescent="0.25">
      <c r="A66" s="11" t="s">
        <v>6</v>
      </c>
      <c r="B66" s="11" t="s">
        <v>2161</v>
      </c>
      <c r="C66" s="11" t="s">
        <v>632</v>
      </c>
      <c r="D66" s="11" t="s">
        <v>2082</v>
      </c>
      <c r="E66" s="11" t="s">
        <v>318</v>
      </c>
      <c r="F66" s="11" t="s">
        <v>7</v>
      </c>
      <c r="G66" s="11" t="s">
        <v>322</v>
      </c>
      <c r="H66" s="11" t="s">
        <v>322</v>
      </c>
    </row>
    <row r="67" spans="1:8" ht="31.5" x14ac:dyDescent="0.25">
      <c r="A67" s="11" t="s">
        <v>7</v>
      </c>
      <c r="B67" s="11" t="s">
        <v>7</v>
      </c>
      <c r="C67" s="11" t="s">
        <v>7</v>
      </c>
      <c r="D67" s="11" t="s">
        <v>7</v>
      </c>
      <c r="E67" s="1" t="s">
        <v>1991</v>
      </c>
      <c r="F67" s="1" t="s">
        <v>1992</v>
      </c>
      <c r="G67" s="1" t="s">
        <v>1991</v>
      </c>
      <c r="H67" s="1" t="s">
        <v>1992</v>
      </c>
    </row>
    <row r="68" spans="1:8" x14ac:dyDescent="0.25">
      <c r="A68" s="4" t="s">
        <v>236</v>
      </c>
      <c r="B68" s="6" t="s">
        <v>2162</v>
      </c>
      <c r="C68" s="2" t="s">
        <v>2163</v>
      </c>
      <c r="D68" s="2" t="s">
        <v>2164</v>
      </c>
      <c r="E68" s="10">
        <v>-106072482.59</v>
      </c>
      <c r="F68" s="10">
        <v>9800467.6999999993</v>
      </c>
      <c r="G68" s="2" t="s">
        <v>2165</v>
      </c>
      <c r="H68" s="2" t="s">
        <v>2166</v>
      </c>
    </row>
    <row r="70" spans="1:8" x14ac:dyDescent="0.25">
      <c r="A70" s="11" t="s">
        <v>6</v>
      </c>
      <c r="B70" s="11" t="s">
        <v>2167</v>
      </c>
      <c r="C70" s="11" t="s">
        <v>2168</v>
      </c>
    </row>
    <row r="71" spans="1:8" x14ac:dyDescent="0.25">
      <c r="A71" s="11" t="s">
        <v>7</v>
      </c>
      <c r="B71" s="11" t="s">
        <v>7</v>
      </c>
      <c r="C71" s="11" t="s">
        <v>7</v>
      </c>
    </row>
    <row r="72" spans="1:8" x14ac:dyDescent="0.25">
      <c r="A72" s="4" t="s">
        <v>242</v>
      </c>
      <c r="B72" s="6" t="s">
        <v>2169</v>
      </c>
      <c r="C72" s="2" t="s">
        <v>51</v>
      </c>
    </row>
    <row r="74" spans="1:8" x14ac:dyDescent="0.25">
      <c r="A74" s="11" t="s">
        <v>6</v>
      </c>
      <c r="B74" s="11" t="s">
        <v>2170</v>
      </c>
      <c r="C74" s="11" t="s">
        <v>2168</v>
      </c>
    </row>
    <row r="75" spans="1:8" x14ac:dyDescent="0.25">
      <c r="A75" s="11" t="s">
        <v>7</v>
      </c>
      <c r="B75" s="11" t="s">
        <v>7</v>
      </c>
      <c r="C75" s="11" t="s">
        <v>7</v>
      </c>
    </row>
    <row r="76" spans="1:8" x14ac:dyDescent="0.25">
      <c r="A76" s="4" t="s">
        <v>247</v>
      </c>
      <c r="B76" s="6" t="s">
        <v>2169</v>
      </c>
      <c r="C76" s="2" t="s">
        <v>457</v>
      </c>
    </row>
    <row r="78" spans="1:8" x14ac:dyDescent="0.25">
      <c r="A78" s="11" t="s">
        <v>6</v>
      </c>
      <c r="B78" s="11" t="s">
        <v>2171</v>
      </c>
      <c r="C78" s="11" t="s">
        <v>2172</v>
      </c>
    </row>
    <row r="79" spans="1:8" x14ac:dyDescent="0.25">
      <c r="A79" s="11" t="s">
        <v>7</v>
      </c>
      <c r="B79" s="11" t="s">
        <v>7</v>
      </c>
      <c r="C79" s="11" t="s">
        <v>7</v>
      </c>
    </row>
    <row r="80" spans="1:8" x14ac:dyDescent="0.25">
      <c r="A80" s="4" t="s">
        <v>252</v>
      </c>
      <c r="B80" s="6" t="s">
        <v>2173</v>
      </c>
      <c r="C80" s="2" t="s">
        <v>51</v>
      </c>
    </row>
    <row r="81" spans="1:6" x14ac:dyDescent="0.25">
      <c r="A81" s="4" t="s">
        <v>253</v>
      </c>
      <c r="B81" s="6" t="s">
        <v>2174</v>
      </c>
      <c r="C81" s="2" t="s">
        <v>51</v>
      </c>
    </row>
    <row r="82" spans="1:6" x14ac:dyDescent="0.25">
      <c r="A82" s="4" t="s">
        <v>258</v>
      </c>
      <c r="B82" s="6" t="s">
        <v>2175</v>
      </c>
      <c r="C82" s="2" t="s">
        <v>51</v>
      </c>
    </row>
    <row r="83" spans="1:6" x14ac:dyDescent="0.25">
      <c r="A83" s="4" t="s">
        <v>259</v>
      </c>
      <c r="B83" s="6" t="s">
        <v>2176</v>
      </c>
      <c r="C83" s="2" t="s">
        <v>2177</v>
      </c>
    </row>
    <row r="85" spans="1:6" x14ac:dyDescent="0.25">
      <c r="A85" s="11" t="s">
        <v>6</v>
      </c>
      <c r="B85" s="11" t="s">
        <v>2178</v>
      </c>
      <c r="C85" s="11" t="s">
        <v>2179</v>
      </c>
      <c r="D85" s="11" t="s">
        <v>2179</v>
      </c>
    </row>
    <row r="86" spans="1:6" x14ac:dyDescent="0.25">
      <c r="A86" s="11" t="s">
        <v>7</v>
      </c>
      <c r="B86" s="11" t="s">
        <v>7</v>
      </c>
      <c r="C86" s="1" t="s">
        <v>2180</v>
      </c>
      <c r="D86" s="1" t="s">
        <v>2181</v>
      </c>
    </row>
    <row r="87" spans="1:6" x14ac:dyDescent="0.25">
      <c r="A87" s="4" t="s">
        <v>261</v>
      </c>
      <c r="B87" s="6" t="s">
        <v>2182</v>
      </c>
      <c r="C87" s="2" t="s">
        <v>2183</v>
      </c>
      <c r="D87" s="2" t="s">
        <v>2184</v>
      </c>
    </row>
    <row r="88" spans="1:6" x14ac:dyDescent="0.25">
      <c r="A88" s="4" t="s">
        <v>263</v>
      </c>
      <c r="B88" s="6" t="s">
        <v>2185</v>
      </c>
      <c r="C88" s="2" t="s">
        <v>2186</v>
      </c>
      <c r="D88" s="2" t="s">
        <v>2187</v>
      </c>
    </row>
    <row r="89" spans="1:6" x14ac:dyDescent="0.25">
      <c r="A89" s="4" t="s">
        <v>264</v>
      </c>
      <c r="B89" s="6" t="s">
        <v>2188</v>
      </c>
      <c r="C89" s="2" t="s">
        <v>51</v>
      </c>
      <c r="D89" s="2" t="s">
        <v>2189</v>
      </c>
    </row>
    <row r="91" spans="1:6" x14ac:dyDescent="0.25">
      <c r="A91" s="11" t="s">
        <v>6</v>
      </c>
      <c r="B91" s="11" t="s">
        <v>2190</v>
      </c>
      <c r="C91" s="11" t="s">
        <v>9</v>
      </c>
      <c r="D91" s="11" t="s">
        <v>1649</v>
      </c>
      <c r="E91" s="11" t="s">
        <v>11</v>
      </c>
      <c r="F91" s="11" t="s">
        <v>11</v>
      </c>
    </row>
    <row r="92" spans="1:6" ht="21" x14ac:dyDescent="0.25">
      <c r="A92" s="11" t="s">
        <v>7</v>
      </c>
      <c r="B92" s="11" t="s">
        <v>7</v>
      </c>
      <c r="C92" s="11" t="s">
        <v>7</v>
      </c>
      <c r="D92" s="11" t="s">
        <v>7</v>
      </c>
      <c r="E92" s="1" t="s">
        <v>1991</v>
      </c>
      <c r="F92" s="1" t="s">
        <v>1992</v>
      </c>
    </row>
    <row r="93" spans="1:6" x14ac:dyDescent="0.25">
      <c r="A93" s="5" t="s">
        <v>267</v>
      </c>
      <c r="B93" s="7" t="s">
        <v>2191</v>
      </c>
      <c r="C93" s="3" t="s">
        <v>51</v>
      </c>
      <c r="D93" s="3" t="s">
        <v>51</v>
      </c>
      <c r="E93" s="3" t="s">
        <v>51</v>
      </c>
      <c r="F93" s="3" t="s">
        <v>2192</v>
      </c>
    </row>
    <row r="94" spans="1:6" x14ac:dyDescent="0.25">
      <c r="A94" s="5" t="s">
        <v>269</v>
      </c>
      <c r="B94" s="7" t="s">
        <v>2193</v>
      </c>
      <c r="C94" s="3" t="s">
        <v>51</v>
      </c>
      <c r="D94" s="3" t="s">
        <v>51</v>
      </c>
      <c r="E94" s="3" t="s">
        <v>51</v>
      </c>
      <c r="F94" s="3" t="s">
        <v>2194</v>
      </c>
    </row>
    <row r="95" spans="1:6" x14ac:dyDescent="0.25">
      <c r="A95" s="5" t="s">
        <v>271</v>
      </c>
      <c r="B95" s="7" t="s">
        <v>2195</v>
      </c>
      <c r="C95" s="3" t="s">
        <v>51</v>
      </c>
      <c r="D95" s="3" t="s">
        <v>51</v>
      </c>
      <c r="E95" s="3" t="s">
        <v>51</v>
      </c>
      <c r="F95" s="3" t="s">
        <v>2196</v>
      </c>
    </row>
    <row r="96" spans="1:6" x14ac:dyDescent="0.25">
      <c r="A96" s="4" t="s">
        <v>273</v>
      </c>
      <c r="B96" s="6" t="s">
        <v>2197</v>
      </c>
      <c r="C96" s="2" t="s">
        <v>51</v>
      </c>
      <c r="D96" s="2" t="s">
        <v>51</v>
      </c>
      <c r="E96" s="2" t="s">
        <v>51</v>
      </c>
      <c r="F96" s="2" t="s">
        <v>2198</v>
      </c>
    </row>
    <row r="97" spans="1:6" x14ac:dyDescent="0.25">
      <c r="A97" s="4" t="s">
        <v>275</v>
      </c>
      <c r="B97" s="6" t="s">
        <v>2199</v>
      </c>
      <c r="C97" s="2" t="s">
        <v>51</v>
      </c>
      <c r="D97" s="2" t="s">
        <v>51</v>
      </c>
      <c r="E97" s="2" t="s">
        <v>51</v>
      </c>
      <c r="F97" s="2" t="s">
        <v>2200</v>
      </c>
    </row>
    <row r="98" spans="1:6" x14ac:dyDescent="0.25">
      <c r="A98" s="4" t="s">
        <v>282</v>
      </c>
      <c r="B98" s="6" t="s">
        <v>2201</v>
      </c>
      <c r="C98" s="2" t="s">
        <v>51</v>
      </c>
      <c r="D98" s="2" t="s">
        <v>51</v>
      </c>
      <c r="E98" s="2" t="s">
        <v>51</v>
      </c>
      <c r="F98" s="2" t="s">
        <v>2202</v>
      </c>
    </row>
    <row r="99" spans="1:6" x14ac:dyDescent="0.25">
      <c r="A99" s="5" t="s">
        <v>289</v>
      </c>
      <c r="B99" s="7" t="s">
        <v>2203</v>
      </c>
      <c r="C99" s="3" t="s">
        <v>51</v>
      </c>
      <c r="D99" s="3" t="s">
        <v>51</v>
      </c>
      <c r="E99" s="3" t="s">
        <v>51</v>
      </c>
      <c r="F99" s="3" t="s">
        <v>2204</v>
      </c>
    </row>
    <row r="100" spans="1:6" x14ac:dyDescent="0.25">
      <c r="A100" s="4" t="s">
        <v>291</v>
      </c>
      <c r="B100" s="6" t="s">
        <v>2197</v>
      </c>
      <c r="C100" s="2" t="s">
        <v>51</v>
      </c>
      <c r="D100" s="2" t="s">
        <v>51</v>
      </c>
      <c r="E100" s="2" t="s">
        <v>51</v>
      </c>
      <c r="F100" s="2" t="s">
        <v>2205</v>
      </c>
    </row>
    <row r="101" spans="1:6" x14ac:dyDescent="0.25">
      <c r="A101" s="4" t="s">
        <v>293</v>
      </c>
      <c r="B101" s="6" t="s">
        <v>2199</v>
      </c>
      <c r="C101" s="2" t="s">
        <v>51</v>
      </c>
      <c r="D101" s="2" t="s">
        <v>51</v>
      </c>
      <c r="E101" s="2" t="s">
        <v>51</v>
      </c>
      <c r="F101" s="2" t="s">
        <v>2206</v>
      </c>
    </row>
    <row r="102" spans="1:6" x14ac:dyDescent="0.25">
      <c r="A102" s="4" t="s">
        <v>295</v>
      </c>
      <c r="B102" s="6" t="s">
        <v>2201</v>
      </c>
      <c r="C102" s="2" t="s">
        <v>51</v>
      </c>
      <c r="D102" s="2" t="s">
        <v>51</v>
      </c>
      <c r="E102" s="2" t="s">
        <v>51</v>
      </c>
      <c r="F102" s="2" t="s">
        <v>2207</v>
      </c>
    </row>
    <row r="103" spans="1:6" x14ac:dyDescent="0.25">
      <c r="A103" s="5" t="s">
        <v>297</v>
      </c>
      <c r="B103" s="7" t="s">
        <v>2208</v>
      </c>
      <c r="C103" s="3" t="s">
        <v>51</v>
      </c>
      <c r="D103" s="3" t="s">
        <v>51</v>
      </c>
      <c r="E103" s="3" t="s">
        <v>51</v>
      </c>
      <c r="F103" s="3" t="s">
        <v>2209</v>
      </c>
    </row>
    <row r="104" spans="1:6" x14ac:dyDescent="0.25">
      <c r="A104" s="5" t="s">
        <v>299</v>
      </c>
      <c r="B104" s="7" t="s">
        <v>2195</v>
      </c>
      <c r="C104" s="3" t="s">
        <v>51</v>
      </c>
      <c r="D104" s="3" t="s">
        <v>51</v>
      </c>
      <c r="E104" s="3" t="s">
        <v>51</v>
      </c>
      <c r="F104" s="3" t="s">
        <v>2210</v>
      </c>
    </row>
    <row r="105" spans="1:6" x14ac:dyDescent="0.25">
      <c r="A105" s="4" t="s">
        <v>300</v>
      </c>
      <c r="B105" s="6" t="s">
        <v>2197</v>
      </c>
      <c r="C105" s="2" t="s">
        <v>51</v>
      </c>
      <c r="D105" s="2" t="s">
        <v>51</v>
      </c>
      <c r="E105" s="2" t="s">
        <v>51</v>
      </c>
      <c r="F105" s="2" t="s">
        <v>2211</v>
      </c>
    </row>
    <row r="106" spans="1:6" x14ac:dyDescent="0.25">
      <c r="A106" s="4" t="s">
        <v>301</v>
      </c>
      <c r="B106" s="6" t="s">
        <v>2199</v>
      </c>
      <c r="C106" s="2" t="s">
        <v>51</v>
      </c>
      <c r="D106" s="2" t="s">
        <v>51</v>
      </c>
      <c r="E106" s="2" t="s">
        <v>51</v>
      </c>
      <c r="F106" s="2" t="s">
        <v>2212</v>
      </c>
    </row>
    <row r="107" spans="1:6" x14ac:dyDescent="0.25">
      <c r="A107" s="4" t="s">
        <v>303</v>
      </c>
      <c r="B107" s="6" t="s">
        <v>2201</v>
      </c>
      <c r="C107" s="2" t="s">
        <v>51</v>
      </c>
      <c r="D107" s="2" t="s">
        <v>51</v>
      </c>
      <c r="E107" s="2" t="s">
        <v>51</v>
      </c>
      <c r="F107" s="2" t="s">
        <v>2213</v>
      </c>
    </row>
    <row r="108" spans="1:6" x14ac:dyDescent="0.25">
      <c r="A108" s="5" t="s">
        <v>305</v>
      </c>
      <c r="B108" s="7" t="s">
        <v>2203</v>
      </c>
      <c r="C108" s="3" t="s">
        <v>51</v>
      </c>
      <c r="D108" s="3" t="s">
        <v>51</v>
      </c>
      <c r="E108" s="3" t="s">
        <v>51</v>
      </c>
      <c r="F108" s="3" t="s">
        <v>2214</v>
      </c>
    </row>
    <row r="109" spans="1:6" x14ac:dyDescent="0.25">
      <c r="A109" s="4" t="s">
        <v>307</v>
      </c>
      <c r="B109" s="6" t="s">
        <v>2197</v>
      </c>
      <c r="C109" s="2" t="s">
        <v>51</v>
      </c>
      <c r="D109" s="2" t="s">
        <v>51</v>
      </c>
      <c r="E109" s="2" t="s">
        <v>51</v>
      </c>
      <c r="F109" s="2" t="s">
        <v>2214</v>
      </c>
    </row>
    <row r="110" spans="1:6" x14ac:dyDescent="0.25">
      <c r="A110" s="4" t="s">
        <v>309</v>
      </c>
      <c r="B110" s="6" t="s">
        <v>2199</v>
      </c>
      <c r="C110" s="2" t="s">
        <v>51</v>
      </c>
      <c r="D110" s="2" t="s">
        <v>51</v>
      </c>
      <c r="E110" s="2" t="s">
        <v>51</v>
      </c>
      <c r="F110" s="2" t="s">
        <v>51</v>
      </c>
    </row>
    <row r="111" spans="1:6" x14ac:dyDescent="0.25">
      <c r="A111" s="4" t="s">
        <v>311</v>
      </c>
      <c r="B111" s="6" t="s">
        <v>2201</v>
      </c>
      <c r="C111" s="2" t="s">
        <v>51</v>
      </c>
      <c r="D111" s="2" t="s">
        <v>51</v>
      </c>
      <c r="E111" s="2" t="s">
        <v>51</v>
      </c>
      <c r="F111" s="2" t="s">
        <v>51</v>
      </c>
    </row>
    <row r="112" spans="1:6" x14ac:dyDescent="0.25">
      <c r="A112" s="4" t="s">
        <v>313</v>
      </c>
      <c r="B112" s="6" t="s">
        <v>2215</v>
      </c>
      <c r="C112" s="2" t="s">
        <v>51</v>
      </c>
      <c r="D112" s="2" t="s">
        <v>51</v>
      </c>
      <c r="E112" s="2" t="s">
        <v>51</v>
      </c>
      <c r="F112" s="2" t="s">
        <v>51</v>
      </c>
    </row>
    <row r="113" spans="1:8" x14ac:dyDescent="0.25">
      <c r="A113" s="5" t="s">
        <v>326</v>
      </c>
      <c r="B113" s="7" t="s">
        <v>2216</v>
      </c>
      <c r="C113" s="3" t="s">
        <v>51</v>
      </c>
      <c r="D113" s="3" t="s">
        <v>51</v>
      </c>
      <c r="E113" s="3" t="s">
        <v>51</v>
      </c>
      <c r="F113" s="3" t="s">
        <v>2217</v>
      </c>
    </row>
    <row r="114" spans="1:8" x14ac:dyDescent="0.25">
      <c r="A114" s="4" t="s">
        <v>335</v>
      </c>
      <c r="B114" s="6" t="s">
        <v>2218</v>
      </c>
      <c r="C114" s="2" t="s">
        <v>51</v>
      </c>
      <c r="D114" s="2" t="s">
        <v>51</v>
      </c>
      <c r="E114" s="2" t="s">
        <v>51</v>
      </c>
      <c r="F114" s="2" t="s">
        <v>2057</v>
      </c>
    </row>
    <row r="115" spans="1:8" x14ac:dyDescent="0.25">
      <c r="A115" s="4" t="s">
        <v>344</v>
      </c>
      <c r="B115" s="6" t="s">
        <v>2219</v>
      </c>
      <c r="C115" s="2" t="s">
        <v>51</v>
      </c>
      <c r="D115" s="2" t="s">
        <v>51</v>
      </c>
      <c r="E115" s="2" t="s">
        <v>51</v>
      </c>
      <c r="F115" s="2" t="s">
        <v>2220</v>
      </c>
    </row>
    <row r="116" spans="1:8" x14ac:dyDescent="0.25">
      <c r="A116" s="4" t="s">
        <v>353</v>
      </c>
      <c r="B116" s="6" t="s">
        <v>1795</v>
      </c>
      <c r="C116" s="2" t="s">
        <v>51</v>
      </c>
      <c r="D116" s="2" t="s">
        <v>51</v>
      </c>
      <c r="E116" s="2" t="s">
        <v>51</v>
      </c>
      <c r="F116" s="2" t="s">
        <v>51</v>
      </c>
    </row>
    <row r="117" spans="1:8" x14ac:dyDescent="0.25">
      <c r="A117" s="4" t="s">
        <v>361</v>
      </c>
      <c r="B117" s="6" t="s">
        <v>2221</v>
      </c>
      <c r="C117" s="2" t="s">
        <v>51</v>
      </c>
      <c r="D117" s="2" t="s">
        <v>51</v>
      </c>
      <c r="E117" s="2" t="s">
        <v>51</v>
      </c>
      <c r="F117" s="2" t="s">
        <v>51</v>
      </c>
    </row>
    <row r="118" spans="1:8" x14ac:dyDescent="0.25">
      <c r="A118" s="5" t="s">
        <v>370</v>
      </c>
      <c r="B118" s="7" t="s">
        <v>2222</v>
      </c>
      <c r="C118" s="3" t="s">
        <v>51</v>
      </c>
      <c r="D118" s="3" t="s">
        <v>51</v>
      </c>
      <c r="E118" s="3" t="s">
        <v>51</v>
      </c>
      <c r="F118" s="3" t="s">
        <v>2223</v>
      </c>
    </row>
    <row r="119" spans="1:8" x14ac:dyDescent="0.25">
      <c r="A119" s="4" t="s">
        <v>377</v>
      </c>
      <c r="B119" s="6" t="s">
        <v>2224</v>
      </c>
      <c r="C119" s="2" t="s">
        <v>51</v>
      </c>
      <c r="D119" s="2" t="s">
        <v>51</v>
      </c>
      <c r="E119" s="2" t="s">
        <v>51</v>
      </c>
      <c r="F119" s="2" t="s">
        <v>2225</v>
      </c>
    </row>
    <row r="120" spans="1:8" x14ac:dyDescent="0.25">
      <c r="A120" s="4" t="s">
        <v>386</v>
      </c>
      <c r="B120" s="6" t="s">
        <v>555</v>
      </c>
      <c r="C120" s="2" t="s">
        <v>51</v>
      </c>
      <c r="D120" s="2" t="s">
        <v>51</v>
      </c>
      <c r="E120" s="2" t="s">
        <v>51</v>
      </c>
      <c r="F120" s="2" t="s">
        <v>2226</v>
      </c>
    </row>
    <row r="121" spans="1:8" x14ac:dyDescent="0.25">
      <c r="A121" s="5" t="s">
        <v>395</v>
      </c>
      <c r="B121" s="7" t="s">
        <v>2227</v>
      </c>
      <c r="C121" s="3" t="s">
        <v>51</v>
      </c>
      <c r="D121" s="3" t="s">
        <v>51</v>
      </c>
      <c r="E121" s="3" t="s">
        <v>51</v>
      </c>
      <c r="F121" s="3" t="s">
        <v>51</v>
      </c>
    </row>
    <row r="122" spans="1:8" x14ac:dyDescent="0.25">
      <c r="A122" s="4" t="s">
        <v>404</v>
      </c>
      <c r="B122" s="6" t="s">
        <v>2228</v>
      </c>
      <c r="C122" s="2" t="s">
        <v>51</v>
      </c>
      <c r="D122" s="2" t="s">
        <v>51</v>
      </c>
      <c r="E122" s="2" t="s">
        <v>51</v>
      </c>
      <c r="F122" s="2" t="s">
        <v>51</v>
      </c>
    </row>
    <row r="123" spans="1:8" x14ac:dyDescent="0.25">
      <c r="A123" s="4" t="s">
        <v>407</v>
      </c>
      <c r="B123" s="6" t="s">
        <v>2229</v>
      </c>
      <c r="C123" s="2" t="s">
        <v>51</v>
      </c>
      <c r="D123" s="2" t="s">
        <v>51</v>
      </c>
      <c r="E123" s="2" t="s">
        <v>51</v>
      </c>
      <c r="F123" s="2" t="s">
        <v>51</v>
      </c>
    </row>
    <row r="124" spans="1:8" x14ac:dyDescent="0.25">
      <c r="A124" s="4" t="s">
        <v>415</v>
      </c>
      <c r="B124" s="6" t="s">
        <v>2230</v>
      </c>
      <c r="C124" s="2" t="s">
        <v>51</v>
      </c>
      <c r="D124" s="2" t="s">
        <v>51</v>
      </c>
      <c r="E124" s="2" t="s">
        <v>51</v>
      </c>
      <c r="F124" s="2" t="s">
        <v>51</v>
      </c>
    </row>
    <row r="125" spans="1:8" x14ac:dyDescent="0.25">
      <c r="A125" s="5" t="s">
        <v>419</v>
      </c>
      <c r="B125" s="7" t="s">
        <v>2231</v>
      </c>
      <c r="C125" s="3" t="s">
        <v>51</v>
      </c>
      <c r="D125" s="3" t="s">
        <v>51</v>
      </c>
      <c r="E125" s="3" t="s">
        <v>51</v>
      </c>
      <c r="F125" s="9">
        <v>179798452.18000001</v>
      </c>
    </row>
    <row r="127" spans="1:8" x14ac:dyDescent="0.25">
      <c r="A127" s="11" t="s">
        <v>6</v>
      </c>
      <c r="B127" s="11" t="s">
        <v>2232</v>
      </c>
      <c r="C127" s="11" t="s">
        <v>632</v>
      </c>
      <c r="D127" s="11" t="s">
        <v>2082</v>
      </c>
      <c r="E127" s="11" t="s">
        <v>318</v>
      </c>
      <c r="F127" s="11" t="s">
        <v>7</v>
      </c>
      <c r="G127" s="11" t="s">
        <v>322</v>
      </c>
      <c r="H127" s="11" t="s">
        <v>322</v>
      </c>
    </row>
    <row r="128" spans="1:8" ht="31.5" x14ac:dyDescent="0.25">
      <c r="A128" s="11" t="s">
        <v>7</v>
      </c>
      <c r="B128" s="11" t="s">
        <v>7</v>
      </c>
      <c r="C128" s="11" t="s">
        <v>7</v>
      </c>
      <c r="D128" s="11" t="s">
        <v>7</v>
      </c>
      <c r="E128" s="1" t="s">
        <v>1991</v>
      </c>
      <c r="F128" s="1" t="s">
        <v>1992</v>
      </c>
      <c r="G128" s="1" t="s">
        <v>1991</v>
      </c>
      <c r="H128" s="1" t="s">
        <v>1992</v>
      </c>
    </row>
    <row r="129" spans="1:8" x14ac:dyDescent="0.25">
      <c r="A129" s="5" t="s">
        <v>428</v>
      </c>
      <c r="B129" s="7" t="s">
        <v>2233</v>
      </c>
      <c r="C129" s="3" t="s">
        <v>51</v>
      </c>
      <c r="D129" s="3" t="s">
        <v>51</v>
      </c>
      <c r="E129" s="3" t="s">
        <v>51</v>
      </c>
      <c r="F129" s="3" t="s">
        <v>2234</v>
      </c>
      <c r="G129" s="3" t="s">
        <v>51</v>
      </c>
      <c r="H129" s="3" t="s">
        <v>2235</v>
      </c>
    </row>
    <row r="130" spans="1:8" x14ac:dyDescent="0.25">
      <c r="A130" s="4" t="s">
        <v>436</v>
      </c>
      <c r="B130" s="6" t="s">
        <v>2088</v>
      </c>
      <c r="C130" s="2" t="s">
        <v>51</v>
      </c>
      <c r="D130" s="2" t="s">
        <v>51</v>
      </c>
      <c r="E130" s="2" t="s">
        <v>51</v>
      </c>
      <c r="F130" s="2" t="s">
        <v>2234</v>
      </c>
      <c r="G130" s="2" t="s">
        <v>51</v>
      </c>
      <c r="H130" s="2" t="s">
        <v>2235</v>
      </c>
    </row>
    <row r="131" spans="1:8" x14ac:dyDescent="0.25">
      <c r="A131" s="4" t="s">
        <v>438</v>
      </c>
      <c r="B131" s="6" t="s">
        <v>2091</v>
      </c>
      <c r="C131" s="2" t="s">
        <v>51</v>
      </c>
      <c r="D131" s="2" t="s">
        <v>51</v>
      </c>
      <c r="E131" s="2" t="s">
        <v>51</v>
      </c>
      <c r="F131" s="2" t="s">
        <v>51</v>
      </c>
      <c r="G131" s="2" t="s">
        <v>51</v>
      </c>
      <c r="H131" s="2" t="s">
        <v>51</v>
      </c>
    </row>
    <row r="132" spans="1:8" x14ac:dyDescent="0.25">
      <c r="A132" s="5" t="s">
        <v>440</v>
      </c>
      <c r="B132" s="7" t="s">
        <v>2236</v>
      </c>
      <c r="C132" s="3" t="s">
        <v>51</v>
      </c>
      <c r="D132" s="3" t="s">
        <v>51</v>
      </c>
      <c r="E132" s="3" t="s">
        <v>51</v>
      </c>
      <c r="F132" s="3" t="s">
        <v>2237</v>
      </c>
      <c r="G132" s="3" t="s">
        <v>51</v>
      </c>
      <c r="H132" s="3" t="s">
        <v>2238</v>
      </c>
    </row>
    <row r="133" spans="1:8" x14ac:dyDescent="0.25">
      <c r="A133" s="5" t="s">
        <v>442</v>
      </c>
      <c r="B133" s="7" t="s">
        <v>2101</v>
      </c>
      <c r="C133" s="3" t="s">
        <v>51</v>
      </c>
      <c r="D133" s="3" t="s">
        <v>51</v>
      </c>
      <c r="E133" s="3" t="s">
        <v>51</v>
      </c>
      <c r="F133" s="3" t="s">
        <v>2239</v>
      </c>
      <c r="G133" s="3" t="s">
        <v>51</v>
      </c>
      <c r="H133" s="3" t="s">
        <v>2240</v>
      </c>
    </row>
    <row r="134" spans="1:8" x14ac:dyDescent="0.25">
      <c r="A134" s="4" t="s">
        <v>444</v>
      </c>
      <c r="B134" s="6" t="s">
        <v>2108</v>
      </c>
      <c r="C134" s="2" t="s">
        <v>51</v>
      </c>
      <c r="D134" s="2" t="s">
        <v>51</v>
      </c>
      <c r="E134" s="2" t="s">
        <v>51</v>
      </c>
      <c r="F134" s="2" t="s">
        <v>2241</v>
      </c>
      <c r="G134" s="2" t="s">
        <v>51</v>
      </c>
      <c r="H134" s="2" t="s">
        <v>2242</v>
      </c>
    </row>
    <row r="135" spans="1:8" x14ac:dyDescent="0.25">
      <c r="A135" s="4" t="s">
        <v>446</v>
      </c>
      <c r="B135" s="6" t="s">
        <v>2113</v>
      </c>
      <c r="C135" s="2" t="s">
        <v>51</v>
      </c>
      <c r="D135" s="2" t="s">
        <v>51</v>
      </c>
      <c r="E135" s="2" t="s">
        <v>51</v>
      </c>
      <c r="F135" s="2" t="s">
        <v>2243</v>
      </c>
      <c r="G135" s="2" t="s">
        <v>51</v>
      </c>
      <c r="H135" s="2" t="s">
        <v>2244</v>
      </c>
    </row>
    <row r="136" spans="1:8" x14ac:dyDescent="0.25">
      <c r="A136" s="4" t="s">
        <v>447</v>
      </c>
      <c r="B136" s="6" t="s">
        <v>2120</v>
      </c>
      <c r="C136" s="2" t="s">
        <v>51</v>
      </c>
      <c r="D136" s="2" t="s">
        <v>51</v>
      </c>
      <c r="E136" s="2" t="s">
        <v>51</v>
      </c>
      <c r="F136" s="2" t="s">
        <v>2245</v>
      </c>
      <c r="G136" s="2" t="s">
        <v>51</v>
      </c>
      <c r="H136" s="2" t="s">
        <v>2246</v>
      </c>
    </row>
    <row r="137" spans="1:8" x14ac:dyDescent="0.25">
      <c r="A137" s="5" t="s">
        <v>448</v>
      </c>
      <c r="B137" s="7" t="s">
        <v>2127</v>
      </c>
      <c r="C137" s="3" t="s">
        <v>51</v>
      </c>
      <c r="D137" s="3" t="s">
        <v>51</v>
      </c>
      <c r="E137" s="3" t="s">
        <v>51</v>
      </c>
      <c r="F137" s="3" t="s">
        <v>2247</v>
      </c>
      <c r="G137" s="3" t="s">
        <v>51</v>
      </c>
      <c r="H137" s="3" t="s">
        <v>2248</v>
      </c>
    </row>
    <row r="138" spans="1:8" x14ac:dyDescent="0.25">
      <c r="A138" s="4" t="s">
        <v>450</v>
      </c>
      <c r="B138" s="6" t="s">
        <v>2134</v>
      </c>
      <c r="C138" s="2" t="s">
        <v>51</v>
      </c>
      <c r="D138" s="2" t="s">
        <v>51</v>
      </c>
      <c r="E138" s="2" t="s">
        <v>51</v>
      </c>
      <c r="F138" s="2" t="s">
        <v>2249</v>
      </c>
      <c r="G138" s="2" t="s">
        <v>51</v>
      </c>
      <c r="H138" s="2" t="s">
        <v>2250</v>
      </c>
    </row>
    <row r="139" spans="1:8" x14ac:dyDescent="0.25">
      <c r="A139" s="4" t="s">
        <v>453</v>
      </c>
      <c r="B139" s="6" t="s">
        <v>2113</v>
      </c>
      <c r="C139" s="2" t="s">
        <v>51</v>
      </c>
      <c r="D139" s="2" t="s">
        <v>51</v>
      </c>
      <c r="E139" s="2" t="s">
        <v>51</v>
      </c>
      <c r="F139" s="2" t="s">
        <v>2251</v>
      </c>
      <c r="G139" s="2" t="s">
        <v>51</v>
      </c>
      <c r="H139" s="2" t="s">
        <v>2252</v>
      </c>
    </row>
    <row r="140" spans="1:8" x14ac:dyDescent="0.25">
      <c r="A140" s="4" t="s">
        <v>455</v>
      </c>
      <c r="B140" s="6" t="s">
        <v>2120</v>
      </c>
      <c r="C140" s="2" t="s">
        <v>51</v>
      </c>
      <c r="D140" s="2" t="s">
        <v>51</v>
      </c>
      <c r="E140" s="2" t="s">
        <v>51</v>
      </c>
      <c r="F140" s="2" t="s">
        <v>2253</v>
      </c>
      <c r="G140" s="2" t="s">
        <v>51</v>
      </c>
      <c r="H140" s="2" t="s">
        <v>2254</v>
      </c>
    </row>
    <row r="141" spans="1:8" x14ac:dyDescent="0.25">
      <c r="A141" s="5" t="s">
        <v>460</v>
      </c>
      <c r="B141" s="7" t="s">
        <v>2149</v>
      </c>
      <c r="C141" s="3" t="s">
        <v>51</v>
      </c>
      <c r="D141" s="3" t="s">
        <v>51</v>
      </c>
      <c r="E141" s="3" t="s">
        <v>51</v>
      </c>
      <c r="F141" s="3" t="s">
        <v>51</v>
      </c>
      <c r="G141" s="3" t="s">
        <v>51</v>
      </c>
      <c r="H141" s="3" t="s">
        <v>51</v>
      </c>
    </row>
    <row r="142" spans="1:8" x14ac:dyDescent="0.25">
      <c r="A142" s="4" t="s">
        <v>462</v>
      </c>
      <c r="B142" s="6" t="s">
        <v>2153</v>
      </c>
      <c r="C142" s="2" t="s">
        <v>51</v>
      </c>
      <c r="D142" s="2" t="s">
        <v>51</v>
      </c>
      <c r="E142" s="2" t="s">
        <v>51</v>
      </c>
      <c r="F142" s="2" t="s">
        <v>51</v>
      </c>
      <c r="G142" s="2" t="s">
        <v>51</v>
      </c>
      <c r="H142" s="2" t="s">
        <v>51</v>
      </c>
    </row>
    <row r="143" spans="1:8" x14ac:dyDescent="0.25">
      <c r="A143" s="4" t="s">
        <v>464</v>
      </c>
      <c r="B143" s="6" t="s">
        <v>2156</v>
      </c>
      <c r="C143" s="2" t="s">
        <v>51</v>
      </c>
      <c r="D143" s="2" t="s">
        <v>51</v>
      </c>
      <c r="E143" s="2" t="s">
        <v>51</v>
      </c>
      <c r="F143" s="2" t="s">
        <v>51</v>
      </c>
      <c r="G143" s="2" t="s">
        <v>51</v>
      </c>
      <c r="H143" s="2" t="s">
        <v>51</v>
      </c>
    </row>
    <row r="144" spans="1:8" x14ac:dyDescent="0.25">
      <c r="A144" s="5" t="s">
        <v>466</v>
      </c>
      <c r="B144" s="7" t="s">
        <v>2255</v>
      </c>
      <c r="C144" s="3" t="s">
        <v>51</v>
      </c>
      <c r="D144" s="3" t="s">
        <v>51</v>
      </c>
      <c r="E144" s="3" t="s">
        <v>51</v>
      </c>
      <c r="F144" s="9">
        <v>1752897337.4300001</v>
      </c>
      <c r="G144" s="3" t="s">
        <v>51</v>
      </c>
      <c r="H144" s="9">
        <v>557789219.71000004</v>
      </c>
    </row>
    <row r="146" spans="1:8" x14ac:dyDescent="0.25">
      <c r="A146" s="11" t="s">
        <v>6</v>
      </c>
      <c r="B146" s="11" t="s">
        <v>2256</v>
      </c>
      <c r="C146" s="11" t="s">
        <v>632</v>
      </c>
      <c r="D146" s="11" t="s">
        <v>2082</v>
      </c>
      <c r="E146" s="11" t="s">
        <v>318</v>
      </c>
      <c r="F146" s="11" t="s">
        <v>7</v>
      </c>
      <c r="G146" s="11" t="s">
        <v>322</v>
      </c>
      <c r="H146" s="11" t="s">
        <v>322</v>
      </c>
    </row>
    <row r="147" spans="1:8" ht="31.5" x14ac:dyDescent="0.25">
      <c r="A147" s="11" t="s">
        <v>7</v>
      </c>
      <c r="B147" s="11" t="s">
        <v>7</v>
      </c>
      <c r="C147" s="11" t="s">
        <v>7</v>
      </c>
      <c r="D147" s="11" t="s">
        <v>7</v>
      </c>
      <c r="E147" s="1" t="s">
        <v>1991</v>
      </c>
      <c r="F147" s="1" t="s">
        <v>1992</v>
      </c>
      <c r="G147" s="1" t="s">
        <v>1991</v>
      </c>
      <c r="H147" s="1" t="s">
        <v>1992</v>
      </c>
    </row>
    <row r="148" spans="1:8" x14ac:dyDescent="0.25">
      <c r="A148" s="4" t="s">
        <v>468</v>
      </c>
      <c r="B148" s="6" t="s">
        <v>2257</v>
      </c>
      <c r="C148" s="2" t="s">
        <v>51</v>
      </c>
      <c r="D148" s="2" t="s">
        <v>51</v>
      </c>
      <c r="E148" s="2" t="s">
        <v>51</v>
      </c>
      <c r="F148" s="2" t="s">
        <v>2258</v>
      </c>
      <c r="G148" s="2" t="s">
        <v>51</v>
      </c>
      <c r="H148" s="2" t="s">
        <v>2259</v>
      </c>
    </row>
    <row r="150" spans="1:8" x14ac:dyDescent="0.25">
      <c r="A150" s="11" t="s">
        <v>6</v>
      </c>
      <c r="B150" s="11" t="s">
        <v>2260</v>
      </c>
      <c r="C150" s="11" t="s">
        <v>2172</v>
      </c>
    </row>
    <row r="151" spans="1:8" x14ac:dyDescent="0.25">
      <c r="A151" s="11" t="s">
        <v>7</v>
      </c>
      <c r="B151" s="11" t="s">
        <v>7</v>
      </c>
      <c r="C151" s="11" t="s">
        <v>7</v>
      </c>
    </row>
    <row r="152" spans="1:8" x14ac:dyDescent="0.25">
      <c r="A152" s="4" t="s">
        <v>470</v>
      </c>
      <c r="B152" s="6" t="s">
        <v>2261</v>
      </c>
      <c r="C152" s="2" t="s">
        <v>51</v>
      </c>
    </row>
    <row r="153" spans="1:8" x14ac:dyDescent="0.25">
      <c r="A153" s="4" t="s">
        <v>472</v>
      </c>
      <c r="B153" s="6" t="s">
        <v>2262</v>
      </c>
      <c r="C153" s="2" t="s">
        <v>51</v>
      </c>
    </row>
  </sheetData>
  <mergeCells count="55">
    <mergeCell ref="A3:H3"/>
    <mergeCell ref="A4:H4"/>
    <mergeCell ref="A5:H5"/>
    <mergeCell ref="A6:H6"/>
    <mergeCell ref="A7:H7"/>
    <mergeCell ref="A9:H9"/>
    <mergeCell ref="A10:A11"/>
    <mergeCell ref="B10:B11"/>
    <mergeCell ref="C10:C11"/>
    <mergeCell ref="D10:D11"/>
    <mergeCell ref="E10:F10"/>
    <mergeCell ref="G47:H47"/>
    <mergeCell ref="A66:A67"/>
    <mergeCell ref="B66:B67"/>
    <mergeCell ref="C66:C67"/>
    <mergeCell ref="D66:D67"/>
    <mergeCell ref="E66:F66"/>
    <mergeCell ref="G66:H66"/>
    <mergeCell ref="A47:A48"/>
    <mergeCell ref="B47:B48"/>
    <mergeCell ref="C47:C48"/>
    <mergeCell ref="D47:D48"/>
    <mergeCell ref="E47:F47"/>
    <mergeCell ref="A70:A71"/>
    <mergeCell ref="B70:B71"/>
    <mergeCell ref="C70:C71"/>
    <mergeCell ref="A74:A75"/>
    <mergeCell ref="B74:B75"/>
    <mergeCell ref="C74:C75"/>
    <mergeCell ref="A78:A79"/>
    <mergeCell ref="B78:B79"/>
    <mergeCell ref="C78:C79"/>
    <mergeCell ref="A85:A86"/>
    <mergeCell ref="B85:B86"/>
    <mergeCell ref="C85:D85"/>
    <mergeCell ref="A91:A92"/>
    <mergeCell ref="B91:B92"/>
    <mergeCell ref="C91:C92"/>
    <mergeCell ref="D91:D92"/>
    <mergeCell ref="E91:F91"/>
    <mergeCell ref="A150:A151"/>
    <mergeCell ref="B150:B151"/>
    <mergeCell ref="C150:C151"/>
    <mergeCell ref="G127:H127"/>
    <mergeCell ref="A146:A147"/>
    <mergeCell ref="B146:B147"/>
    <mergeCell ref="C146:C147"/>
    <mergeCell ref="D146:D147"/>
    <mergeCell ref="E146:F146"/>
    <mergeCell ref="G146:H146"/>
    <mergeCell ref="A127:A128"/>
    <mergeCell ref="B127:B128"/>
    <mergeCell ref="C127:C128"/>
    <mergeCell ref="D127:D128"/>
    <mergeCell ref="E127:F127"/>
  </mergeCell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I133"/>
  <sheetViews>
    <sheetView showGridLines="0" tabSelected="1" topLeftCell="A121" workbookViewId="0">
      <selection activeCell="C131" sqref="C131:C132"/>
    </sheetView>
  </sheetViews>
  <sheetFormatPr defaultRowHeight="15" x14ac:dyDescent="0.25"/>
  <cols>
    <col min="1" max="1" width="2.140625" bestFit="1" customWidth="1"/>
    <col min="2" max="2" width="62.42578125" bestFit="1" customWidth="1"/>
    <col min="3" max="3" width="22.85546875" bestFit="1" customWidth="1"/>
    <col min="4" max="6" width="17.28515625" bestFit="1" customWidth="1"/>
    <col min="7" max="7" width="15.5703125" customWidth="1"/>
    <col min="8" max="9" width="14.28515625" bestFit="1" customWidth="1"/>
  </cols>
  <sheetData>
    <row r="3" spans="1:9" x14ac:dyDescent="0.25">
      <c r="A3" s="14" t="s">
        <v>0</v>
      </c>
      <c r="B3" s="13"/>
      <c r="C3" s="13"/>
      <c r="D3" s="13"/>
      <c r="E3" s="13"/>
      <c r="F3" s="13"/>
      <c r="G3" s="13"/>
      <c r="H3" s="13"/>
      <c r="I3" s="13"/>
    </row>
    <row r="4" spans="1:9" x14ac:dyDescent="0.25">
      <c r="A4" s="14" t="s">
        <v>1</v>
      </c>
      <c r="B4" s="13"/>
      <c r="C4" s="13"/>
      <c r="D4" s="13"/>
      <c r="E4" s="13"/>
      <c r="F4" s="13"/>
      <c r="G4" s="13"/>
      <c r="H4" s="13"/>
      <c r="I4" s="13"/>
    </row>
    <row r="5" spans="1:9" x14ac:dyDescent="0.25">
      <c r="A5" s="15" t="s">
        <v>2263</v>
      </c>
      <c r="B5" s="13"/>
      <c r="C5" s="13"/>
      <c r="D5" s="13"/>
      <c r="E5" s="13"/>
      <c r="F5" s="13"/>
      <c r="G5" s="13"/>
      <c r="H5" s="13"/>
      <c r="I5" s="13"/>
    </row>
    <row r="6" spans="1:9" x14ac:dyDescent="0.25">
      <c r="A6" s="14" t="s">
        <v>3</v>
      </c>
      <c r="B6" s="13"/>
      <c r="C6" s="13"/>
      <c r="D6" s="13"/>
      <c r="E6" s="13"/>
      <c r="F6" s="13"/>
      <c r="G6" s="13"/>
      <c r="H6" s="13"/>
      <c r="I6" s="13"/>
    </row>
    <row r="7" spans="1:9" x14ac:dyDescent="0.25">
      <c r="A7" s="14" t="s">
        <v>4</v>
      </c>
      <c r="B7" s="13"/>
      <c r="C7" s="13"/>
      <c r="D7" s="13"/>
      <c r="E7" s="13"/>
      <c r="F7" s="13"/>
      <c r="G7" s="13"/>
      <c r="H7" s="13"/>
      <c r="I7" s="13"/>
    </row>
    <row r="9" spans="1:9" x14ac:dyDescent="0.25">
      <c r="A9" s="12" t="s">
        <v>2264</v>
      </c>
      <c r="B9" s="13"/>
      <c r="C9" s="13"/>
      <c r="D9" s="13"/>
      <c r="E9" s="13"/>
      <c r="F9" s="13"/>
      <c r="G9" s="13"/>
      <c r="H9" s="13"/>
      <c r="I9" s="13"/>
    </row>
    <row r="10" spans="1:9" ht="21" x14ac:dyDescent="0.25">
      <c r="A10" s="11" t="s">
        <v>6</v>
      </c>
      <c r="B10" s="11" t="s">
        <v>2265</v>
      </c>
      <c r="C10" s="11" t="s">
        <v>1649</v>
      </c>
      <c r="D10" s="1" t="s">
        <v>1991</v>
      </c>
    </row>
    <row r="11" spans="1:9" ht="21" x14ac:dyDescent="0.25">
      <c r="A11" s="11" t="s">
        <v>7</v>
      </c>
      <c r="B11" s="11" t="s">
        <v>7</v>
      </c>
      <c r="C11" s="11" t="s">
        <v>7</v>
      </c>
      <c r="D11" s="1" t="s">
        <v>2266</v>
      </c>
    </row>
    <row r="12" spans="1:9" x14ac:dyDescent="0.25">
      <c r="A12" s="5" t="s">
        <v>17</v>
      </c>
      <c r="B12" s="7" t="s">
        <v>1650</v>
      </c>
      <c r="C12" s="9">
        <v>11693432800</v>
      </c>
      <c r="D12" s="9">
        <v>1919201105.3699999</v>
      </c>
    </row>
    <row r="13" spans="1:9" x14ac:dyDescent="0.25">
      <c r="A13" s="5" t="s">
        <v>24</v>
      </c>
      <c r="B13" s="7" t="s">
        <v>2267</v>
      </c>
      <c r="C13" s="3" t="s">
        <v>33</v>
      </c>
      <c r="D13" s="3" t="s">
        <v>34</v>
      </c>
    </row>
    <row r="14" spans="1:9" x14ac:dyDescent="0.25">
      <c r="A14" s="4" t="s">
        <v>31</v>
      </c>
      <c r="B14" s="6" t="s">
        <v>2268</v>
      </c>
      <c r="C14" s="2" t="s">
        <v>2269</v>
      </c>
      <c r="D14" s="2" t="s">
        <v>2270</v>
      </c>
    </row>
    <row r="15" spans="1:9" x14ac:dyDescent="0.25">
      <c r="A15" s="4" t="s">
        <v>37</v>
      </c>
      <c r="B15" s="6" t="s">
        <v>2271</v>
      </c>
      <c r="C15" s="2" t="s">
        <v>2272</v>
      </c>
      <c r="D15" s="2" t="s">
        <v>2273</v>
      </c>
    </row>
    <row r="16" spans="1:9" x14ac:dyDescent="0.25">
      <c r="A16" s="4" t="s">
        <v>43</v>
      </c>
      <c r="B16" s="6" t="s">
        <v>2274</v>
      </c>
      <c r="C16" s="2" t="s">
        <v>2275</v>
      </c>
      <c r="D16" s="2" t="s">
        <v>2276</v>
      </c>
    </row>
    <row r="17" spans="1:4" x14ac:dyDescent="0.25">
      <c r="A17" s="4" t="s">
        <v>49</v>
      </c>
      <c r="B17" s="6" t="s">
        <v>2277</v>
      </c>
      <c r="C17" s="2" t="s">
        <v>1739</v>
      </c>
      <c r="D17" s="2" t="s">
        <v>2278</v>
      </c>
    </row>
    <row r="18" spans="1:4" x14ac:dyDescent="0.25">
      <c r="A18" s="4" t="s">
        <v>52</v>
      </c>
      <c r="B18" s="6" t="s">
        <v>2279</v>
      </c>
      <c r="C18" s="2" t="s">
        <v>45</v>
      </c>
      <c r="D18" s="2" t="s">
        <v>46</v>
      </c>
    </row>
    <row r="19" spans="1:4" x14ac:dyDescent="0.25">
      <c r="A19" s="4" t="s">
        <v>59</v>
      </c>
      <c r="B19" s="6" t="s">
        <v>2280</v>
      </c>
      <c r="C19" s="2" t="s">
        <v>55</v>
      </c>
      <c r="D19" s="2" t="s">
        <v>56</v>
      </c>
    </row>
    <row r="20" spans="1:4" x14ac:dyDescent="0.25">
      <c r="A20" s="5" t="s">
        <v>61</v>
      </c>
      <c r="B20" s="7" t="s">
        <v>2051</v>
      </c>
      <c r="C20" s="9">
        <v>333999600</v>
      </c>
      <c r="D20" s="9">
        <v>14376314.029999999</v>
      </c>
    </row>
    <row r="21" spans="1:4" x14ac:dyDescent="0.25">
      <c r="A21" s="4" t="s">
        <v>63</v>
      </c>
      <c r="B21" s="6" t="s">
        <v>2281</v>
      </c>
      <c r="C21" s="10">
        <v>268181000</v>
      </c>
      <c r="D21" s="10">
        <v>9329986.7200000007</v>
      </c>
    </row>
    <row r="22" spans="1:4" x14ac:dyDescent="0.25">
      <c r="A22" s="4" t="s">
        <v>65</v>
      </c>
      <c r="B22" s="6" t="s">
        <v>2061</v>
      </c>
      <c r="C22" s="10">
        <v>65818600</v>
      </c>
      <c r="D22" s="10">
        <v>5046327.3099999996</v>
      </c>
    </row>
    <row r="23" spans="1:4" x14ac:dyDescent="0.25">
      <c r="A23" s="5" t="s">
        <v>67</v>
      </c>
      <c r="B23" s="7" t="s">
        <v>2282</v>
      </c>
      <c r="C23" s="3" t="s">
        <v>141</v>
      </c>
      <c r="D23" s="3" t="s">
        <v>142</v>
      </c>
    </row>
    <row r="24" spans="1:4" x14ac:dyDescent="0.25">
      <c r="A24" s="4" t="s">
        <v>73</v>
      </c>
      <c r="B24" s="6" t="s">
        <v>2283</v>
      </c>
      <c r="C24" s="2" t="s">
        <v>2284</v>
      </c>
      <c r="D24" s="2" t="s">
        <v>2285</v>
      </c>
    </row>
    <row r="25" spans="1:4" x14ac:dyDescent="0.25">
      <c r="A25" s="4" t="s">
        <v>79</v>
      </c>
      <c r="B25" s="6" t="s">
        <v>2286</v>
      </c>
      <c r="C25" s="2" t="s">
        <v>2287</v>
      </c>
      <c r="D25" s="2" t="s">
        <v>2288</v>
      </c>
    </row>
    <row r="26" spans="1:4" x14ac:dyDescent="0.25">
      <c r="A26" s="4" t="s">
        <v>85</v>
      </c>
      <c r="B26" s="6" t="s">
        <v>2289</v>
      </c>
      <c r="C26" s="2" t="s">
        <v>2290</v>
      </c>
      <c r="D26" s="2" t="s">
        <v>2291</v>
      </c>
    </row>
    <row r="27" spans="1:4" x14ac:dyDescent="0.25">
      <c r="A27" s="4" t="s">
        <v>87</v>
      </c>
      <c r="B27" s="6" t="s">
        <v>2292</v>
      </c>
      <c r="C27" s="2" t="s">
        <v>164</v>
      </c>
      <c r="D27" s="2" t="s">
        <v>165</v>
      </c>
    </row>
    <row r="28" spans="1:4" x14ac:dyDescent="0.25">
      <c r="A28" s="4" t="s">
        <v>93</v>
      </c>
      <c r="B28" s="6" t="s">
        <v>2293</v>
      </c>
      <c r="C28" s="2" t="s">
        <v>2294</v>
      </c>
      <c r="D28" s="2" t="s">
        <v>2295</v>
      </c>
    </row>
    <row r="29" spans="1:4" x14ac:dyDescent="0.25">
      <c r="A29" s="5" t="s">
        <v>95</v>
      </c>
      <c r="B29" s="7" t="s">
        <v>2296</v>
      </c>
      <c r="C29" s="3" t="s">
        <v>2297</v>
      </c>
      <c r="D29" s="3" t="s">
        <v>2298</v>
      </c>
    </row>
    <row r="30" spans="1:4" x14ac:dyDescent="0.25">
      <c r="A30" s="4" t="s">
        <v>101</v>
      </c>
      <c r="B30" s="6" t="s">
        <v>2299</v>
      </c>
      <c r="C30" s="2" t="s">
        <v>51</v>
      </c>
      <c r="D30" s="2" t="s">
        <v>2300</v>
      </c>
    </row>
    <row r="31" spans="1:4" x14ac:dyDescent="0.25">
      <c r="A31" s="4" t="s">
        <v>103</v>
      </c>
      <c r="B31" s="6" t="s">
        <v>2301</v>
      </c>
      <c r="C31" s="2" t="s">
        <v>2297</v>
      </c>
      <c r="D31" s="2" t="s">
        <v>2302</v>
      </c>
    </row>
    <row r="32" spans="1:4" x14ac:dyDescent="0.25">
      <c r="A32" s="4" t="s">
        <v>105</v>
      </c>
      <c r="B32" s="6" t="s">
        <v>2303</v>
      </c>
      <c r="C32" s="2" t="s">
        <v>2304</v>
      </c>
      <c r="D32" s="2" t="s">
        <v>2305</v>
      </c>
    </row>
    <row r="33" spans="1:4" x14ac:dyDescent="0.25">
      <c r="A33" s="5" t="s">
        <v>107</v>
      </c>
      <c r="B33" s="7" t="s">
        <v>2306</v>
      </c>
      <c r="C33" s="3" t="s">
        <v>203</v>
      </c>
      <c r="D33" s="3" t="s">
        <v>204</v>
      </c>
    </row>
    <row r="34" spans="1:4" x14ac:dyDescent="0.25">
      <c r="A34" s="4" t="s">
        <v>113</v>
      </c>
      <c r="B34" s="6" t="s">
        <v>2307</v>
      </c>
      <c r="C34" s="2" t="s">
        <v>51</v>
      </c>
      <c r="D34" s="2" t="s">
        <v>51</v>
      </c>
    </row>
    <row r="35" spans="1:4" x14ac:dyDescent="0.25">
      <c r="A35" s="4" t="s">
        <v>119</v>
      </c>
      <c r="B35" s="6" t="s">
        <v>2308</v>
      </c>
      <c r="C35" s="2" t="s">
        <v>232</v>
      </c>
      <c r="D35" s="2" t="s">
        <v>233</v>
      </c>
    </row>
    <row r="36" spans="1:4" x14ac:dyDescent="0.25">
      <c r="A36" s="5" t="s">
        <v>125</v>
      </c>
      <c r="B36" s="7" t="s">
        <v>2309</v>
      </c>
      <c r="C36" s="3" t="s">
        <v>215</v>
      </c>
      <c r="D36" s="3" t="s">
        <v>216</v>
      </c>
    </row>
    <row r="37" spans="1:4" x14ac:dyDescent="0.25">
      <c r="A37" s="4" t="s">
        <v>131</v>
      </c>
      <c r="B37" s="6" t="s">
        <v>2310</v>
      </c>
      <c r="C37" s="2" t="s">
        <v>51</v>
      </c>
      <c r="D37" s="2" t="s">
        <v>51</v>
      </c>
    </row>
    <row r="38" spans="1:4" x14ac:dyDescent="0.25">
      <c r="A38" s="4" t="s">
        <v>133</v>
      </c>
      <c r="B38" s="6" t="s">
        <v>2311</v>
      </c>
      <c r="C38" s="2" t="s">
        <v>51</v>
      </c>
      <c r="D38" s="2" t="s">
        <v>51</v>
      </c>
    </row>
    <row r="39" spans="1:4" x14ac:dyDescent="0.25">
      <c r="A39" s="4" t="s">
        <v>139</v>
      </c>
      <c r="B39" s="6" t="s">
        <v>2312</v>
      </c>
      <c r="C39" s="2" t="s">
        <v>215</v>
      </c>
      <c r="D39" s="2" t="s">
        <v>216</v>
      </c>
    </row>
    <row r="40" spans="1:4" x14ac:dyDescent="0.25">
      <c r="A40" s="5" t="s">
        <v>145</v>
      </c>
      <c r="B40" s="7" t="s">
        <v>2313</v>
      </c>
      <c r="C40" s="3" t="s">
        <v>238</v>
      </c>
      <c r="D40" s="3" t="s">
        <v>239</v>
      </c>
    </row>
    <row r="41" spans="1:4" x14ac:dyDescent="0.25">
      <c r="A41" s="4" t="s">
        <v>151</v>
      </c>
      <c r="B41" s="6" t="s">
        <v>2314</v>
      </c>
      <c r="C41" s="2" t="s">
        <v>2315</v>
      </c>
      <c r="D41" s="2" t="s">
        <v>2316</v>
      </c>
    </row>
    <row r="42" spans="1:4" x14ac:dyDescent="0.25">
      <c r="A42" s="4" t="s">
        <v>153</v>
      </c>
      <c r="B42" s="6" t="s">
        <v>2317</v>
      </c>
      <c r="C42" s="2" t="s">
        <v>2318</v>
      </c>
      <c r="D42" s="2" t="s">
        <v>255</v>
      </c>
    </row>
    <row r="43" spans="1:4" x14ac:dyDescent="0.25">
      <c r="A43" s="5" t="s">
        <v>156</v>
      </c>
      <c r="B43" s="7" t="s">
        <v>2078</v>
      </c>
      <c r="C43" s="3" t="s">
        <v>266</v>
      </c>
      <c r="D43" s="3" t="s">
        <v>51</v>
      </c>
    </row>
    <row r="44" spans="1:4" x14ac:dyDescent="0.25">
      <c r="A44" s="4" t="s">
        <v>162</v>
      </c>
      <c r="B44" s="6" t="s">
        <v>2319</v>
      </c>
      <c r="C44" s="2" t="s">
        <v>51</v>
      </c>
      <c r="D44" s="2" t="s">
        <v>51</v>
      </c>
    </row>
    <row r="45" spans="1:4" x14ac:dyDescent="0.25">
      <c r="A45" s="4" t="s">
        <v>168</v>
      </c>
      <c r="B45" s="6" t="s">
        <v>2320</v>
      </c>
      <c r="C45" s="2" t="s">
        <v>266</v>
      </c>
      <c r="D45" s="2" t="s">
        <v>51</v>
      </c>
    </row>
    <row r="46" spans="1:4" x14ac:dyDescent="0.25">
      <c r="A46" s="4" t="s">
        <v>171</v>
      </c>
      <c r="B46" s="6" t="s">
        <v>2321</v>
      </c>
      <c r="C46" s="2" t="s">
        <v>2322</v>
      </c>
      <c r="D46" s="2" t="s">
        <v>2323</v>
      </c>
    </row>
    <row r="47" spans="1:4" x14ac:dyDescent="0.25">
      <c r="A47" s="5" t="s">
        <v>173</v>
      </c>
      <c r="B47" s="7" t="s">
        <v>2324</v>
      </c>
      <c r="C47" s="3" t="s">
        <v>2325</v>
      </c>
      <c r="D47" s="3" t="s">
        <v>2326</v>
      </c>
    </row>
    <row r="49" spans="1:9" x14ac:dyDescent="0.25">
      <c r="A49" s="11" t="s">
        <v>6</v>
      </c>
      <c r="B49" s="11" t="s">
        <v>2327</v>
      </c>
      <c r="C49" s="11" t="s">
        <v>2082</v>
      </c>
      <c r="D49" s="11" t="s">
        <v>1991</v>
      </c>
      <c r="E49" s="11" t="s">
        <v>7</v>
      </c>
      <c r="F49" s="11" t="s">
        <v>7</v>
      </c>
      <c r="G49" s="11" t="s">
        <v>7</v>
      </c>
      <c r="H49" s="11" t="s">
        <v>2330</v>
      </c>
      <c r="I49" s="11" t="s">
        <v>2330</v>
      </c>
    </row>
    <row r="50" spans="1:9" ht="21" x14ac:dyDescent="0.25">
      <c r="A50" s="11" t="s">
        <v>7</v>
      </c>
      <c r="B50" s="11" t="s">
        <v>7</v>
      </c>
      <c r="C50" s="11" t="s">
        <v>7</v>
      </c>
      <c r="D50" s="1" t="s">
        <v>318</v>
      </c>
      <c r="E50" s="1" t="s">
        <v>322</v>
      </c>
      <c r="F50" s="1" t="s">
        <v>2328</v>
      </c>
      <c r="G50" s="1" t="s">
        <v>2329</v>
      </c>
      <c r="H50" s="1" t="s">
        <v>2331</v>
      </c>
      <c r="I50" s="1" t="s">
        <v>2332</v>
      </c>
    </row>
    <row r="51" spans="1:9" x14ac:dyDescent="0.25">
      <c r="A51" s="5" t="s">
        <v>175</v>
      </c>
      <c r="B51" s="7" t="s">
        <v>2333</v>
      </c>
      <c r="C51" s="3" t="s">
        <v>338</v>
      </c>
      <c r="D51" s="3" t="s">
        <v>339</v>
      </c>
      <c r="E51" s="3" t="s">
        <v>341</v>
      </c>
      <c r="F51" s="3" t="s">
        <v>343</v>
      </c>
      <c r="G51" s="3" t="s">
        <v>2334</v>
      </c>
      <c r="H51" s="3" t="s">
        <v>2335</v>
      </c>
      <c r="I51" s="3" t="s">
        <v>2336</v>
      </c>
    </row>
    <row r="52" spans="1:9" x14ac:dyDescent="0.25">
      <c r="A52" s="4" t="s">
        <v>181</v>
      </c>
      <c r="B52" s="6" t="s">
        <v>2337</v>
      </c>
      <c r="C52" s="2" t="s">
        <v>347</v>
      </c>
      <c r="D52" s="2" t="s">
        <v>348</v>
      </c>
      <c r="E52" s="2" t="s">
        <v>350</v>
      </c>
      <c r="F52" s="2" t="s">
        <v>352</v>
      </c>
      <c r="G52" s="2" t="s">
        <v>2338</v>
      </c>
      <c r="H52" s="2" t="s">
        <v>2339</v>
      </c>
      <c r="I52" s="2" t="s">
        <v>2340</v>
      </c>
    </row>
    <row r="53" spans="1:9" x14ac:dyDescent="0.25">
      <c r="A53" s="4" t="s">
        <v>187</v>
      </c>
      <c r="B53" s="6" t="s">
        <v>2341</v>
      </c>
      <c r="C53" s="2" t="s">
        <v>356</v>
      </c>
      <c r="D53" s="2" t="s">
        <v>357</v>
      </c>
      <c r="E53" s="2" t="s">
        <v>359</v>
      </c>
      <c r="F53" s="2" t="s">
        <v>359</v>
      </c>
      <c r="G53" s="2" t="s">
        <v>51</v>
      </c>
      <c r="H53" s="2" t="s">
        <v>51</v>
      </c>
      <c r="I53" s="2" t="s">
        <v>51</v>
      </c>
    </row>
    <row r="54" spans="1:9" x14ac:dyDescent="0.25">
      <c r="A54" s="5" t="s">
        <v>193</v>
      </c>
      <c r="B54" s="7" t="s">
        <v>2342</v>
      </c>
      <c r="C54" s="3" t="s">
        <v>364</v>
      </c>
      <c r="D54" s="3" t="s">
        <v>365</v>
      </c>
      <c r="E54" s="3" t="s">
        <v>367</v>
      </c>
      <c r="F54" s="3" t="s">
        <v>369</v>
      </c>
      <c r="G54" s="3" t="s">
        <v>2343</v>
      </c>
      <c r="H54" s="3" t="s">
        <v>2344</v>
      </c>
      <c r="I54" s="3" t="s">
        <v>2345</v>
      </c>
    </row>
    <row r="55" spans="1:9" x14ac:dyDescent="0.25">
      <c r="A55" s="4" t="s">
        <v>195</v>
      </c>
      <c r="B55" s="6" t="s">
        <v>1929</v>
      </c>
      <c r="C55" s="2" t="s">
        <v>373</v>
      </c>
      <c r="D55" s="2" t="s">
        <v>374</v>
      </c>
      <c r="E55" s="2" t="s">
        <v>374</v>
      </c>
      <c r="F55" s="2" t="s">
        <v>376</v>
      </c>
      <c r="G55" s="2" t="s">
        <v>376</v>
      </c>
      <c r="H55" s="2" t="s">
        <v>51</v>
      </c>
      <c r="I55" s="2" t="s">
        <v>51</v>
      </c>
    </row>
    <row r="56" spans="1:9" x14ac:dyDescent="0.25">
      <c r="A56" s="4" t="s">
        <v>201</v>
      </c>
      <c r="B56" s="6" t="s">
        <v>2346</v>
      </c>
      <c r="C56" s="2" t="s">
        <v>380</v>
      </c>
      <c r="D56" s="2" t="s">
        <v>381</v>
      </c>
      <c r="E56" s="2" t="s">
        <v>383</v>
      </c>
      <c r="F56" s="2" t="s">
        <v>385</v>
      </c>
      <c r="G56" s="2" t="s">
        <v>2347</v>
      </c>
      <c r="H56" s="2" t="s">
        <v>2344</v>
      </c>
      <c r="I56" s="2" t="s">
        <v>2345</v>
      </c>
    </row>
    <row r="57" spans="1:9" x14ac:dyDescent="0.25">
      <c r="A57" s="4" t="s">
        <v>207</v>
      </c>
      <c r="B57" s="6" t="s">
        <v>2348</v>
      </c>
      <c r="C57" s="2" t="s">
        <v>2349</v>
      </c>
      <c r="D57" s="2" t="s">
        <v>2350</v>
      </c>
      <c r="E57" s="2" t="s">
        <v>2351</v>
      </c>
      <c r="F57" s="2" t="s">
        <v>2352</v>
      </c>
      <c r="G57" s="2" t="s">
        <v>2334</v>
      </c>
      <c r="H57" s="2" t="s">
        <v>2335</v>
      </c>
      <c r="I57" s="2" t="s">
        <v>2336</v>
      </c>
    </row>
    <row r="58" spans="1:9" x14ac:dyDescent="0.25">
      <c r="A58" s="5" t="s">
        <v>209</v>
      </c>
      <c r="B58" s="7" t="s">
        <v>2353</v>
      </c>
      <c r="C58" s="3" t="s">
        <v>389</v>
      </c>
      <c r="D58" s="3" t="s">
        <v>390</v>
      </c>
      <c r="E58" s="3" t="s">
        <v>392</v>
      </c>
      <c r="F58" s="3" t="s">
        <v>394</v>
      </c>
      <c r="G58" s="3" t="s">
        <v>2354</v>
      </c>
      <c r="H58" s="3" t="s">
        <v>2355</v>
      </c>
      <c r="I58" s="3" t="s">
        <v>2356</v>
      </c>
    </row>
    <row r="59" spans="1:9" x14ac:dyDescent="0.25">
      <c r="A59" s="4" t="s">
        <v>211</v>
      </c>
      <c r="B59" s="6" t="s">
        <v>2357</v>
      </c>
      <c r="C59" s="2" t="s">
        <v>398</v>
      </c>
      <c r="D59" s="2" t="s">
        <v>399</v>
      </c>
      <c r="E59" s="2" t="s">
        <v>401</v>
      </c>
      <c r="F59" s="2" t="s">
        <v>403</v>
      </c>
      <c r="G59" s="2" t="s">
        <v>2354</v>
      </c>
      <c r="H59" s="2" t="s">
        <v>2355</v>
      </c>
      <c r="I59" s="2" t="s">
        <v>2356</v>
      </c>
    </row>
    <row r="60" spans="1:9" x14ac:dyDescent="0.25">
      <c r="A60" s="5" t="s">
        <v>213</v>
      </c>
      <c r="B60" s="7" t="s">
        <v>2358</v>
      </c>
      <c r="C60" s="3" t="s">
        <v>406</v>
      </c>
      <c r="D60" s="3" t="s">
        <v>51</v>
      </c>
      <c r="E60" s="3" t="s">
        <v>51</v>
      </c>
      <c r="F60" s="3" t="s">
        <v>51</v>
      </c>
      <c r="G60" s="3" t="s">
        <v>51</v>
      </c>
      <c r="H60" s="3" t="s">
        <v>51</v>
      </c>
      <c r="I60" s="3" t="s">
        <v>51</v>
      </c>
    </row>
    <row r="61" spans="1:9" x14ac:dyDescent="0.25">
      <c r="A61" s="4" t="s">
        <v>219</v>
      </c>
      <c r="B61" s="6" t="s">
        <v>2359</v>
      </c>
      <c r="C61" s="2" t="s">
        <v>2360</v>
      </c>
      <c r="D61" s="2" t="s">
        <v>51</v>
      </c>
      <c r="E61" s="2" t="s">
        <v>51</v>
      </c>
      <c r="F61" s="2" t="s">
        <v>51</v>
      </c>
      <c r="G61" s="2" t="s">
        <v>51</v>
      </c>
      <c r="H61" s="2" t="s">
        <v>51</v>
      </c>
      <c r="I61" s="2" t="s">
        <v>51</v>
      </c>
    </row>
    <row r="62" spans="1:9" x14ac:dyDescent="0.25">
      <c r="A62" s="4" t="s">
        <v>224</v>
      </c>
      <c r="B62" s="6" t="s">
        <v>2361</v>
      </c>
      <c r="C62" s="2" t="s">
        <v>51</v>
      </c>
      <c r="D62" s="2" t="s">
        <v>51</v>
      </c>
      <c r="E62" s="2" t="s">
        <v>51</v>
      </c>
      <c r="F62" s="2" t="s">
        <v>51</v>
      </c>
      <c r="G62" s="2" t="s">
        <v>51</v>
      </c>
      <c r="H62" s="2" t="s">
        <v>51</v>
      </c>
      <c r="I62" s="2" t="s">
        <v>51</v>
      </c>
    </row>
    <row r="63" spans="1:9" x14ac:dyDescent="0.25">
      <c r="A63" s="4" t="s">
        <v>228</v>
      </c>
      <c r="B63" s="6" t="s">
        <v>2362</v>
      </c>
      <c r="C63" s="2" t="s">
        <v>51</v>
      </c>
      <c r="D63" s="2" t="s">
        <v>51</v>
      </c>
      <c r="E63" s="2" t="s">
        <v>51</v>
      </c>
      <c r="F63" s="2" t="s">
        <v>51</v>
      </c>
      <c r="G63" s="2" t="s">
        <v>51</v>
      </c>
      <c r="H63" s="2" t="s">
        <v>51</v>
      </c>
      <c r="I63" s="2" t="s">
        <v>51</v>
      </c>
    </row>
    <row r="64" spans="1:9" x14ac:dyDescent="0.25">
      <c r="A64" s="4" t="s">
        <v>230</v>
      </c>
      <c r="B64" s="6" t="s">
        <v>2363</v>
      </c>
      <c r="C64" s="2" t="s">
        <v>2364</v>
      </c>
      <c r="D64" s="2" t="s">
        <v>51</v>
      </c>
      <c r="E64" s="2" t="s">
        <v>51</v>
      </c>
      <c r="F64" s="2" t="s">
        <v>51</v>
      </c>
      <c r="G64" s="2" t="s">
        <v>51</v>
      </c>
      <c r="H64" s="2" t="s">
        <v>51</v>
      </c>
      <c r="I64" s="2" t="s">
        <v>51</v>
      </c>
    </row>
    <row r="65" spans="1:9" x14ac:dyDescent="0.25">
      <c r="A65" s="4" t="s">
        <v>236</v>
      </c>
      <c r="B65" s="6" t="s">
        <v>2365</v>
      </c>
      <c r="C65" s="2" t="s">
        <v>410</v>
      </c>
      <c r="D65" s="2" t="s">
        <v>411</v>
      </c>
      <c r="E65" s="2" t="s">
        <v>413</v>
      </c>
      <c r="F65" s="2" t="s">
        <v>413</v>
      </c>
      <c r="G65" s="2" t="s">
        <v>51</v>
      </c>
      <c r="H65" s="2" t="s">
        <v>51</v>
      </c>
      <c r="I65" s="2" t="s">
        <v>51</v>
      </c>
    </row>
    <row r="66" spans="1:9" x14ac:dyDescent="0.25">
      <c r="A66" s="4" t="s">
        <v>242</v>
      </c>
      <c r="B66" s="6" t="s">
        <v>2366</v>
      </c>
      <c r="C66" s="2" t="s">
        <v>2367</v>
      </c>
      <c r="D66" s="2" t="s">
        <v>399</v>
      </c>
      <c r="E66" s="2" t="s">
        <v>401</v>
      </c>
      <c r="F66" s="2" t="s">
        <v>403</v>
      </c>
      <c r="G66" s="2" t="s">
        <v>2354</v>
      </c>
      <c r="H66" s="2" t="s">
        <v>2355</v>
      </c>
      <c r="I66" s="2" t="s">
        <v>2356</v>
      </c>
    </row>
    <row r="67" spans="1:9" x14ac:dyDescent="0.25">
      <c r="A67" s="4" t="s">
        <v>247</v>
      </c>
      <c r="B67" s="6" t="s">
        <v>2368</v>
      </c>
      <c r="C67" s="2" t="s">
        <v>1395</v>
      </c>
      <c r="D67" s="2" t="s">
        <v>51</v>
      </c>
      <c r="E67" s="2" t="s">
        <v>51</v>
      </c>
      <c r="F67" s="2" t="s">
        <v>51</v>
      </c>
      <c r="G67" s="2" t="s">
        <v>51</v>
      </c>
      <c r="H67" s="2" t="s">
        <v>51</v>
      </c>
      <c r="I67" s="2" t="s">
        <v>51</v>
      </c>
    </row>
    <row r="68" spans="1:9" x14ac:dyDescent="0.25">
      <c r="A68" s="5" t="s">
        <v>252</v>
      </c>
      <c r="B68" s="7" t="s">
        <v>2369</v>
      </c>
      <c r="C68" s="3" t="s">
        <v>2370</v>
      </c>
      <c r="D68" s="3" t="s">
        <v>2371</v>
      </c>
      <c r="E68" s="3" t="s">
        <v>2372</v>
      </c>
      <c r="F68" s="3" t="s">
        <v>2373</v>
      </c>
      <c r="G68" s="3" t="s">
        <v>2374</v>
      </c>
      <c r="H68" s="3" t="s">
        <v>2375</v>
      </c>
      <c r="I68" s="3" t="s">
        <v>2376</v>
      </c>
    </row>
    <row r="70" spans="1:9" x14ac:dyDescent="0.25">
      <c r="A70" s="11" t="s">
        <v>6</v>
      </c>
      <c r="B70" s="11" t="s">
        <v>2377</v>
      </c>
      <c r="C70" s="11" t="s">
        <v>2378</v>
      </c>
    </row>
    <row r="71" spans="1:9" x14ac:dyDescent="0.25">
      <c r="A71" s="11" t="s">
        <v>7</v>
      </c>
      <c r="B71" s="11" t="s">
        <v>7</v>
      </c>
      <c r="C71" s="11" t="s">
        <v>7</v>
      </c>
    </row>
    <row r="72" spans="1:9" x14ac:dyDescent="0.25">
      <c r="A72" s="4" t="s">
        <v>253</v>
      </c>
      <c r="B72" s="6" t="s">
        <v>2379</v>
      </c>
      <c r="C72" s="2" t="s">
        <v>2380</v>
      </c>
    </row>
    <row r="74" spans="1:9" x14ac:dyDescent="0.25">
      <c r="A74" s="11" t="s">
        <v>6</v>
      </c>
      <c r="B74" s="11" t="s">
        <v>2381</v>
      </c>
      <c r="C74" s="11" t="s">
        <v>2382</v>
      </c>
    </row>
    <row r="75" spans="1:9" x14ac:dyDescent="0.25">
      <c r="A75" s="11" t="s">
        <v>7</v>
      </c>
      <c r="B75" s="11" t="s">
        <v>7</v>
      </c>
      <c r="C75" s="11" t="s">
        <v>7</v>
      </c>
    </row>
    <row r="76" spans="1:9" x14ac:dyDescent="0.25">
      <c r="A76" s="4" t="s">
        <v>258</v>
      </c>
      <c r="B76" s="6" t="s">
        <v>2383</v>
      </c>
      <c r="C76" s="2" t="s">
        <v>2384</v>
      </c>
    </row>
    <row r="78" spans="1:9" ht="31.5" x14ac:dyDescent="0.25">
      <c r="A78" s="11" t="s">
        <v>6</v>
      </c>
      <c r="B78" s="11" t="s">
        <v>2385</v>
      </c>
      <c r="C78" s="1" t="s">
        <v>1991</v>
      </c>
    </row>
    <row r="79" spans="1:9" ht="21" x14ac:dyDescent="0.25">
      <c r="A79" s="11" t="s">
        <v>7</v>
      </c>
      <c r="B79" s="11" t="s">
        <v>7</v>
      </c>
      <c r="C79" s="1" t="s">
        <v>2386</v>
      </c>
    </row>
    <row r="80" spans="1:9" x14ac:dyDescent="0.25">
      <c r="A80" s="4" t="s">
        <v>259</v>
      </c>
      <c r="B80" s="6" t="s">
        <v>2387</v>
      </c>
      <c r="C80" s="10">
        <v>9329986.7200000007</v>
      </c>
    </row>
    <row r="81" spans="1:4" x14ac:dyDescent="0.25">
      <c r="A81" s="4" t="s">
        <v>261</v>
      </c>
      <c r="B81" s="6" t="s">
        <v>2388</v>
      </c>
      <c r="C81" s="10">
        <v>53269135</v>
      </c>
    </row>
    <row r="83" spans="1:4" x14ac:dyDescent="0.25">
      <c r="A83" s="11" t="s">
        <v>6</v>
      </c>
      <c r="B83" s="11" t="s">
        <v>2389</v>
      </c>
      <c r="C83" s="11" t="s">
        <v>2386</v>
      </c>
    </row>
    <row r="84" spans="1:4" x14ac:dyDescent="0.25">
      <c r="A84" s="11" t="s">
        <v>7</v>
      </c>
      <c r="B84" s="11" t="s">
        <v>7</v>
      </c>
      <c r="C84" s="11" t="s">
        <v>7</v>
      </c>
    </row>
    <row r="85" spans="1:4" x14ac:dyDescent="0.25">
      <c r="A85" s="4" t="s">
        <v>263</v>
      </c>
      <c r="B85" s="6" t="s">
        <v>2390</v>
      </c>
      <c r="C85" s="2" t="s">
        <v>2391</v>
      </c>
    </row>
    <row r="87" spans="1:4" x14ac:dyDescent="0.25">
      <c r="A87" s="11" t="s">
        <v>6</v>
      </c>
      <c r="B87" s="11" t="s">
        <v>2392</v>
      </c>
      <c r="C87" s="11" t="s">
        <v>2382</v>
      </c>
    </row>
    <row r="88" spans="1:4" x14ac:dyDescent="0.25">
      <c r="A88" s="11" t="s">
        <v>7</v>
      </c>
      <c r="B88" s="11" t="s">
        <v>7</v>
      </c>
      <c r="C88" s="11" t="s">
        <v>7</v>
      </c>
    </row>
    <row r="89" spans="1:4" x14ac:dyDescent="0.25">
      <c r="A89" s="4" t="s">
        <v>264</v>
      </c>
      <c r="B89" s="6" t="s">
        <v>2383</v>
      </c>
      <c r="C89" s="2" t="s">
        <v>2393</v>
      </c>
    </row>
    <row r="91" spans="1:4" x14ac:dyDescent="0.25">
      <c r="A91" s="11" t="s">
        <v>6</v>
      </c>
      <c r="B91" s="11" t="s">
        <v>2394</v>
      </c>
      <c r="C91" s="11" t="s">
        <v>2395</v>
      </c>
      <c r="D91" s="11" t="s">
        <v>2395</v>
      </c>
    </row>
    <row r="92" spans="1:4" ht="31.5" x14ac:dyDescent="0.25">
      <c r="A92" s="11" t="s">
        <v>7</v>
      </c>
      <c r="B92" s="11" t="s">
        <v>7</v>
      </c>
      <c r="C92" s="1" t="s">
        <v>2396</v>
      </c>
      <c r="D92" s="1" t="s">
        <v>634</v>
      </c>
    </row>
    <row r="93" spans="1:4" x14ac:dyDescent="0.25">
      <c r="A93" s="4" t="s">
        <v>267</v>
      </c>
      <c r="B93" s="6" t="s">
        <v>2397</v>
      </c>
      <c r="C93" s="2" t="s">
        <v>2398</v>
      </c>
      <c r="D93" s="2" t="s">
        <v>2399</v>
      </c>
    </row>
    <row r="94" spans="1:4" x14ac:dyDescent="0.25">
      <c r="A94" s="5" t="s">
        <v>269</v>
      </c>
      <c r="B94" s="7" t="s">
        <v>2400</v>
      </c>
      <c r="C94" s="3" t="s">
        <v>2401</v>
      </c>
      <c r="D94" s="3" t="s">
        <v>2402</v>
      </c>
    </row>
    <row r="95" spans="1:4" x14ac:dyDescent="0.25">
      <c r="A95" s="5" t="s">
        <v>271</v>
      </c>
      <c r="B95" s="7" t="s">
        <v>2403</v>
      </c>
      <c r="C95" s="3" t="s">
        <v>2401</v>
      </c>
      <c r="D95" s="3" t="s">
        <v>2402</v>
      </c>
    </row>
    <row r="96" spans="1:4" x14ac:dyDescent="0.25">
      <c r="A96" s="4" t="s">
        <v>273</v>
      </c>
      <c r="B96" s="6" t="s">
        <v>2404</v>
      </c>
      <c r="C96" s="2" t="s">
        <v>2405</v>
      </c>
      <c r="D96" s="2" t="s">
        <v>2406</v>
      </c>
    </row>
    <row r="97" spans="1:4" x14ac:dyDescent="0.25">
      <c r="A97" s="4" t="s">
        <v>275</v>
      </c>
      <c r="B97" s="6" t="s">
        <v>2407</v>
      </c>
      <c r="C97" s="2" t="s">
        <v>2408</v>
      </c>
      <c r="D97" s="2" t="s">
        <v>2409</v>
      </c>
    </row>
    <row r="98" spans="1:4" x14ac:dyDescent="0.25">
      <c r="A98" s="4" t="s">
        <v>282</v>
      </c>
      <c r="B98" s="6" t="s">
        <v>2410</v>
      </c>
      <c r="C98" s="2" t="s">
        <v>51</v>
      </c>
      <c r="D98" s="2" t="s">
        <v>51</v>
      </c>
    </row>
    <row r="99" spans="1:4" x14ac:dyDescent="0.25">
      <c r="A99" s="5" t="s">
        <v>289</v>
      </c>
      <c r="B99" s="7" t="s">
        <v>2411</v>
      </c>
      <c r="C99" s="3" t="s">
        <v>2412</v>
      </c>
      <c r="D99" s="3" t="s">
        <v>2413</v>
      </c>
    </row>
    <row r="101" spans="1:4" x14ac:dyDescent="0.25">
      <c r="A101" s="11" t="s">
        <v>6</v>
      </c>
      <c r="B101" s="11" t="s">
        <v>2414</v>
      </c>
      <c r="C101" s="11" t="s">
        <v>2415</v>
      </c>
    </row>
    <row r="102" spans="1:4" x14ac:dyDescent="0.25">
      <c r="A102" s="11" t="s">
        <v>7</v>
      </c>
      <c r="B102" s="11" t="s">
        <v>7</v>
      </c>
      <c r="C102" s="11" t="s">
        <v>7</v>
      </c>
    </row>
    <row r="103" spans="1:4" x14ac:dyDescent="0.25">
      <c r="A103" s="4" t="s">
        <v>291</v>
      </c>
      <c r="B103" s="6" t="s">
        <v>2416</v>
      </c>
      <c r="C103" s="2" t="s">
        <v>2417</v>
      </c>
    </row>
    <row r="105" spans="1:4" x14ac:dyDescent="0.25">
      <c r="A105" s="11" t="s">
        <v>6</v>
      </c>
      <c r="B105" s="11" t="s">
        <v>2418</v>
      </c>
      <c r="C105" s="11" t="s">
        <v>2415</v>
      </c>
    </row>
    <row r="106" spans="1:4" x14ac:dyDescent="0.25">
      <c r="A106" s="11" t="s">
        <v>7</v>
      </c>
      <c r="B106" s="11" t="s">
        <v>7</v>
      </c>
      <c r="C106" s="11" t="s">
        <v>7</v>
      </c>
    </row>
    <row r="107" spans="1:4" x14ac:dyDescent="0.25">
      <c r="A107" s="4" t="s">
        <v>293</v>
      </c>
      <c r="B107" s="6" t="s">
        <v>2419</v>
      </c>
      <c r="C107" s="2" t="s">
        <v>2420</v>
      </c>
    </row>
    <row r="108" spans="1:4" x14ac:dyDescent="0.25">
      <c r="A108" s="4" t="s">
        <v>295</v>
      </c>
      <c r="B108" s="6" t="s">
        <v>2421</v>
      </c>
      <c r="C108" s="2" t="s">
        <v>51</v>
      </c>
    </row>
    <row r="109" spans="1:4" x14ac:dyDescent="0.25">
      <c r="A109" s="4" t="s">
        <v>297</v>
      </c>
      <c r="B109" s="6" t="s">
        <v>2422</v>
      </c>
      <c r="C109" s="2" t="s">
        <v>2423</v>
      </c>
    </row>
    <row r="110" spans="1:4" x14ac:dyDescent="0.25">
      <c r="A110" s="4" t="s">
        <v>299</v>
      </c>
      <c r="B110" s="6" t="s">
        <v>2424</v>
      </c>
      <c r="C110" s="2" t="s">
        <v>51</v>
      </c>
    </row>
    <row r="111" spans="1:4" x14ac:dyDescent="0.25">
      <c r="A111" s="4" t="s">
        <v>300</v>
      </c>
      <c r="B111" s="6" t="s">
        <v>2425</v>
      </c>
      <c r="C111" s="10">
        <v>175900041.80000001</v>
      </c>
    </row>
    <row r="113" spans="1:8" x14ac:dyDescent="0.25">
      <c r="A113" s="11" t="s">
        <v>6</v>
      </c>
      <c r="B113" s="11" t="s">
        <v>2426</v>
      </c>
      <c r="C113" s="11" t="s">
        <v>2168</v>
      </c>
    </row>
    <row r="114" spans="1:8" x14ac:dyDescent="0.25">
      <c r="A114" s="11" t="s">
        <v>7</v>
      </c>
      <c r="B114" s="11" t="s">
        <v>7</v>
      </c>
      <c r="C114" s="11" t="s">
        <v>7</v>
      </c>
    </row>
    <row r="115" spans="1:8" x14ac:dyDescent="0.25">
      <c r="A115" s="4" t="s">
        <v>301</v>
      </c>
      <c r="B115" s="6" t="s">
        <v>2427</v>
      </c>
      <c r="C115" s="10">
        <v>219839190.08000001</v>
      </c>
    </row>
    <row r="117" spans="1:8" x14ac:dyDescent="0.25">
      <c r="A117" s="11" t="s">
        <v>6</v>
      </c>
      <c r="B117" s="11" t="s">
        <v>2428</v>
      </c>
      <c r="C117" s="11" t="s">
        <v>2168</v>
      </c>
    </row>
    <row r="118" spans="1:8" x14ac:dyDescent="0.25">
      <c r="A118" s="11" t="s">
        <v>7</v>
      </c>
      <c r="B118" s="11" t="s">
        <v>7</v>
      </c>
      <c r="C118" s="11" t="s">
        <v>7</v>
      </c>
    </row>
    <row r="119" spans="1:8" x14ac:dyDescent="0.25">
      <c r="A119" s="5" t="s">
        <v>303</v>
      </c>
      <c r="B119" s="7" t="s">
        <v>2429</v>
      </c>
      <c r="C119" s="3" t="s">
        <v>2430</v>
      </c>
    </row>
    <row r="120" spans="1:8" x14ac:dyDescent="0.25">
      <c r="A120" s="4" t="s">
        <v>305</v>
      </c>
      <c r="B120" s="6" t="s">
        <v>310</v>
      </c>
      <c r="C120" s="2" t="s">
        <v>51</v>
      </c>
    </row>
    <row r="121" spans="1:8" x14ac:dyDescent="0.25">
      <c r="A121" s="4" t="s">
        <v>307</v>
      </c>
      <c r="B121" s="6" t="s">
        <v>2431</v>
      </c>
      <c r="C121" s="2" t="s">
        <v>2430</v>
      </c>
    </row>
    <row r="122" spans="1:8" x14ac:dyDescent="0.25">
      <c r="A122" s="4" t="s">
        <v>309</v>
      </c>
      <c r="B122" s="6" t="s">
        <v>2170</v>
      </c>
      <c r="C122" s="2" t="s">
        <v>457</v>
      </c>
    </row>
    <row r="124" spans="1:8" x14ac:dyDescent="0.25">
      <c r="A124" s="11" t="s">
        <v>6</v>
      </c>
      <c r="B124" s="11" t="s">
        <v>2432</v>
      </c>
      <c r="C124" s="11" t="s">
        <v>318</v>
      </c>
      <c r="D124" s="11" t="s">
        <v>7</v>
      </c>
      <c r="E124" s="11" t="s">
        <v>322</v>
      </c>
      <c r="F124" s="11" t="s">
        <v>7</v>
      </c>
      <c r="G124" s="11" t="s">
        <v>2435</v>
      </c>
      <c r="H124" s="11" t="s">
        <v>2435</v>
      </c>
    </row>
    <row r="125" spans="1:8" ht="31.5" x14ac:dyDescent="0.25">
      <c r="A125" s="11" t="s">
        <v>7</v>
      </c>
      <c r="B125" s="11" t="s">
        <v>7</v>
      </c>
      <c r="C125" s="1" t="s">
        <v>2433</v>
      </c>
      <c r="D125" s="1" t="s">
        <v>2434</v>
      </c>
      <c r="E125" s="1" t="s">
        <v>2433</v>
      </c>
      <c r="F125" s="1" t="s">
        <v>2434</v>
      </c>
      <c r="G125" s="1" t="s">
        <v>2433</v>
      </c>
      <c r="H125" s="1" t="s">
        <v>2434</v>
      </c>
    </row>
    <row r="126" spans="1:8" x14ac:dyDescent="0.25">
      <c r="A126" s="5" t="s">
        <v>311</v>
      </c>
      <c r="B126" s="7" t="s">
        <v>2436</v>
      </c>
      <c r="C126" s="9">
        <v>7192864231.7200003</v>
      </c>
      <c r="D126" s="9">
        <v>2886059707.2600002</v>
      </c>
      <c r="E126" s="9">
        <v>2160374278.0700002</v>
      </c>
      <c r="F126" s="9">
        <v>1653426151.4400001</v>
      </c>
      <c r="G126" s="3" t="s">
        <v>51</v>
      </c>
      <c r="H126" s="3" t="s">
        <v>51</v>
      </c>
    </row>
    <row r="127" spans="1:8" x14ac:dyDescent="0.25">
      <c r="A127" s="4" t="s">
        <v>313</v>
      </c>
      <c r="B127" s="6" t="s">
        <v>2337</v>
      </c>
      <c r="C127" s="2" t="s">
        <v>2437</v>
      </c>
      <c r="D127" s="2" t="s">
        <v>2438</v>
      </c>
      <c r="E127" s="2" t="s">
        <v>2439</v>
      </c>
      <c r="F127" s="2" t="s">
        <v>2440</v>
      </c>
      <c r="G127" s="2" t="s">
        <v>51</v>
      </c>
      <c r="H127" s="2" t="s">
        <v>51</v>
      </c>
    </row>
    <row r="128" spans="1:8" x14ac:dyDescent="0.25">
      <c r="A128" s="4" t="s">
        <v>326</v>
      </c>
      <c r="B128" s="6" t="s">
        <v>2441</v>
      </c>
      <c r="C128" s="10">
        <v>224590536.99000001</v>
      </c>
      <c r="D128" s="10">
        <v>51569511.289999999</v>
      </c>
      <c r="E128" s="10">
        <v>18775495.859999999</v>
      </c>
      <c r="F128" s="10">
        <v>50178663.100000001</v>
      </c>
      <c r="G128" s="2" t="s">
        <v>51</v>
      </c>
      <c r="H128" s="2" t="s">
        <v>51</v>
      </c>
    </row>
    <row r="129" spans="1:8" x14ac:dyDescent="0.25">
      <c r="A129" s="4" t="s">
        <v>335</v>
      </c>
      <c r="B129" s="6" t="s">
        <v>2342</v>
      </c>
      <c r="C129" s="2" t="s">
        <v>2442</v>
      </c>
      <c r="D129" s="2" t="s">
        <v>2443</v>
      </c>
      <c r="E129" s="2" t="s">
        <v>2444</v>
      </c>
      <c r="F129" s="2" t="s">
        <v>2445</v>
      </c>
      <c r="G129" s="2" t="s">
        <v>51</v>
      </c>
      <c r="H129" s="2" t="s">
        <v>51</v>
      </c>
    </row>
    <row r="130" spans="1:8" x14ac:dyDescent="0.25">
      <c r="A130" s="5" t="s">
        <v>344</v>
      </c>
      <c r="B130" s="7" t="s">
        <v>2446</v>
      </c>
      <c r="C130" s="9">
        <v>6968273694.7299995</v>
      </c>
      <c r="D130" s="9">
        <v>2834490195.9699998</v>
      </c>
      <c r="E130" s="9">
        <v>2141598782.21</v>
      </c>
      <c r="F130" s="9">
        <v>1603247488.3399999</v>
      </c>
      <c r="G130" s="3" t="s">
        <v>51</v>
      </c>
      <c r="H130" s="3" t="s">
        <v>51</v>
      </c>
    </row>
    <row r="131" spans="1:8" x14ac:dyDescent="0.25">
      <c r="A131" s="4" t="s">
        <v>353</v>
      </c>
      <c r="B131" s="6" t="s">
        <v>2447</v>
      </c>
      <c r="C131" s="10">
        <v>168000000</v>
      </c>
      <c r="D131" s="10">
        <v>28000000</v>
      </c>
      <c r="E131" s="10">
        <v>30750000</v>
      </c>
      <c r="F131" s="10">
        <v>28000000</v>
      </c>
      <c r="G131" s="2" t="s">
        <v>51</v>
      </c>
      <c r="H131" s="2" t="s">
        <v>51</v>
      </c>
    </row>
    <row r="132" spans="1:8" x14ac:dyDescent="0.25">
      <c r="A132" s="4" t="s">
        <v>361</v>
      </c>
      <c r="B132" s="6" t="s">
        <v>2448</v>
      </c>
      <c r="C132" s="10">
        <v>86019450.599999994</v>
      </c>
      <c r="D132" s="10">
        <v>15061131.16</v>
      </c>
      <c r="E132" s="10">
        <v>17949476.57</v>
      </c>
      <c r="F132" s="10">
        <v>14395228.99</v>
      </c>
      <c r="G132" s="2" t="s">
        <v>51</v>
      </c>
      <c r="H132" s="2" t="s">
        <v>51</v>
      </c>
    </row>
    <row r="133" spans="1:8" x14ac:dyDescent="0.25">
      <c r="A133" s="4" t="s">
        <v>370</v>
      </c>
      <c r="B133" s="6" t="s">
        <v>2449</v>
      </c>
      <c r="C133" s="2" t="s">
        <v>2450</v>
      </c>
      <c r="D133" s="10">
        <v>2791429064.8099999</v>
      </c>
      <c r="E133" s="2" t="s">
        <v>2451</v>
      </c>
      <c r="F133" s="2" t="s">
        <v>2452</v>
      </c>
      <c r="G133" s="2" t="s">
        <v>51</v>
      </c>
      <c r="H133" s="2" t="s">
        <v>51</v>
      </c>
    </row>
  </sheetData>
  <mergeCells count="48">
    <mergeCell ref="A3:I3"/>
    <mergeCell ref="A4:I4"/>
    <mergeCell ref="A5:I5"/>
    <mergeCell ref="A6:I6"/>
    <mergeCell ref="A7:I7"/>
    <mergeCell ref="A9:I9"/>
    <mergeCell ref="A10:A11"/>
    <mergeCell ref="B10:B11"/>
    <mergeCell ref="C10:C11"/>
    <mergeCell ref="A49:A50"/>
    <mergeCell ref="B49:B50"/>
    <mergeCell ref="C49:C50"/>
    <mergeCell ref="D49:G49"/>
    <mergeCell ref="H49:I49"/>
    <mergeCell ref="A70:A71"/>
    <mergeCell ref="B70:B71"/>
    <mergeCell ref="C70:C71"/>
    <mergeCell ref="A74:A75"/>
    <mergeCell ref="B74:B75"/>
    <mergeCell ref="C74:C75"/>
    <mergeCell ref="A78:A79"/>
    <mergeCell ref="B78:B79"/>
    <mergeCell ref="A83:A84"/>
    <mergeCell ref="B83:B84"/>
    <mergeCell ref="C83:C84"/>
    <mergeCell ref="A87:A88"/>
    <mergeCell ref="B87:B88"/>
    <mergeCell ref="C87:C88"/>
    <mergeCell ref="A91:A92"/>
    <mergeCell ref="B91:B92"/>
    <mergeCell ref="C91:D91"/>
    <mergeCell ref="A101:A102"/>
    <mergeCell ref="B101:B102"/>
    <mergeCell ref="C101:C102"/>
    <mergeCell ref="A105:A106"/>
    <mergeCell ref="B105:B106"/>
    <mergeCell ref="C105:C106"/>
    <mergeCell ref="A113:A114"/>
    <mergeCell ref="B113:B114"/>
    <mergeCell ref="C113:C114"/>
    <mergeCell ref="A117:A118"/>
    <mergeCell ref="B117:B118"/>
    <mergeCell ref="C117:C118"/>
    <mergeCell ref="A124:A125"/>
    <mergeCell ref="B124:B125"/>
    <mergeCell ref="C124:D124"/>
    <mergeCell ref="E124:F124"/>
    <mergeCell ref="G124:H124"/>
  </mergeCells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N40"/>
  <sheetViews>
    <sheetView showGridLines="0" workbookViewId="0"/>
  </sheetViews>
  <sheetFormatPr defaultRowHeight="15" x14ac:dyDescent="0.25"/>
  <sheetData>
    <row r="3" spans="1:14" x14ac:dyDescent="0.25">
      <c r="A3" s="14" t="s">
        <v>0</v>
      </c>
      <c r="B3" s="13"/>
      <c r="C3" s="13"/>
      <c r="D3" s="13"/>
      <c r="E3" s="13"/>
      <c r="F3" s="13"/>
      <c r="G3" s="13"/>
      <c r="H3" s="13"/>
      <c r="I3" s="13"/>
      <c r="J3" s="13"/>
      <c r="K3" s="13"/>
      <c r="L3" s="13"/>
      <c r="M3" s="13"/>
      <c r="N3" s="13"/>
    </row>
    <row r="4" spans="1:14" x14ac:dyDescent="0.25">
      <c r="A4" s="14" t="s">
        <v>1</v>
      </c>
      <c r="B4" s="13"/>
      <c r="C4" s="13"/>
      <c r="D4" s="13"/>
      <c r="E4" s="13"/>
      <c r="F4" s="13"/>
      <c r="G4" s="13"/>
      <c r="H4" s="13"/>
      <c r="I4" s="13"/>
      <c r="J4" s="13"/>
      <c r="K4" s="13"/>
      <c r="L4" s="13"/>
      <c r="M4" s="13"/>
      <c r="N4" s="13"/>
    </row>
    <row r="5" spans="1:14" x14ac:dyDescent="0.25">
      <c r="A5" s="15" t="s">
        <v>2453</v>
      </c>
      <c r="B5" s="13"/>
      <c r="C5" s="13"/>
      <c r="D5" s="13"/>
      <c r="E5" s="13"/>
      <c r="F5" s="13"/>
      <c r="G5" s="13"/>
      <c r="H5" s="13"/>
      <c r="I5" s="13"/>
      <c r="J5" s="13"/>
      <c r="K5" s="13"/>
      <c r="L5" s="13"/>
      <c r="M5" s="13"/>
      <c r="N5" s="13"/>
    </row>
    <row r="6" spans="1:14" x14ac:dyDescent="0.25">
      <c r="A6" s="14" t="s">
        <v>3</v>
      </c>
      <c r="B6" s="13"/>
      <c r="C6" s="13"/>
      <c r="D6" s="13"/>
      <c r="E6" s="13"/>
      <c r="F6" s="13"/>
      <c r="G6" s="13"/>
      <c r="H6" s="13"/>
      <c r="I6" s="13"/>
      <c r="J6" s="13"/>
      <c r="K6" s="13"/>
      <c r="L6" s="13"/>
      <c r="M6" s="13"/>
      <c r="N6" s="13"/>
    </row>
    <row r="7" spans="1:14" x14ac:dyDescent="0.25">
      <c r="A7" s="14" t="s">
        <v>4</v>
      </c>
      <c r="B7" s="13"/>
      <c r="C7" s="13"/>
      <c r="D7" s="13"/>
      <c r="E7" s="13"/>
      <c r="F7" s="13"/>
      <c r="G7" s="13"/>
      <c r="H7" s="13"/>
      <c r="I7" s="13"/>
      <c r="J7" s="13"/>
      <c r="K7" s="13"/>
      <c r="L7" s="13"/>
      <c r="M7" s="13"/>
      <c r="N7" s="13"/>
    </row>
    <row r="9" spans="1:14" x14ac:dyDescent="0.25">
      <c r="A9" s="12" t="s">
        <v>2454</v>
      </c>
      <c r="B9" s="13"/>
      <c r="C9" s="13"/>
      <c r="D9" s="13"/>
      <c r="E9" s="13"/>
      <c r="F9" s="13"/>
      <c r="G9" s="13"/>
      <c r="H9" s="13"/>
      <c r="I9" s="13"/>
      <c r="J9" s="13"/>
      <c r="K9" s="13"/>
      <c r="L9" s="13"/>
      <c r="M9" s="13"/>
      <c r="N9" s="13"/>
    </row>
    <row r="10" spans="1:14" x14ac:dyDescent="0.25">
      <c r="A10" s="11" t="s">
        <v>6</v>
      </c>
      <c r="B10" s="11" t="s">
        <v>2455</v>
      </c>
      <c r="C10" s="11" t="s">
        <v>2456</v>
      </c>
      <c r="D10" s="11" t="s">
        <v>7</v>
      </c>
      <c r="E10" s="11" t="s">
        <v>7</v>
      </c>
      <c r="F10" s="11" t="s">
        <v>7</v>
      </c>
      <c r="G10" s="11" t="s">
        <v>7</v>
      </c>
      <c r="H10" s="11" t="s">
        <v>2461</v>
      </c>
      <c r="I10" s="11" t="s">
        <v>7</v>
      </c>
      <c r="J10" s="11" t="s">
        <v>7</v>
      </c>
      <c r="K10" s="11" t="s">
        <v>7</v>
      </c>
      <c r="L10" s="11" t="s">
        <v>7</v>
      </c>
      <c r="M10" s="11" t="s">
        <v>7</v>
      </c>
      <c r="N10" s="11" t="s">
        <v>2468</v>
      </c>
    </row>
    <row r="11" spans="1:14" ht="63" x14ac:dyDescent="0.25">
      <c r="A11" s="11" t="s">
        <v>7</v>
      </c>
      <c r="B11" s="11" t="s">
        <v>7</v>
      </c>
      <c r="C11" s="1" t="s">
        <v>2457</v>
      </c>
      <c r="D11" s="1" t="s">
        <v>2458</v>
      </c>
      <c r="E11" s="1" t="s">
        <v>2332</v>
      </c>
      <c r="F11" s="1" t="s">
        <v>2459</v>
      </c>
      <c r="G11" s="1" t="s">
        <v>2460</v>
      </c>
      <c r="H11" s="1" t="s">
        <v>2462</v>
      </c>
      <c r="I11" s="1" t="s">
        <v>2463</v>
      </c>
      <c r="J11" s="1" t="s">
        <v>2464</v>
      </c>
      <c r="K11" s="1" t="s">
        <v>2465</v>
      </c>
      <c r="L11" s="1" t="s">
        <v>2466</v>
      </c>
      <c r="M11" s="1" t="s">
        <v>2467</v>
      </c>
      <c r="N11" s="11" t="s">
        <v>7</v>
      </c>
    </row>
    <row r="12" spans="1:14" x14ac:dyDescent="0.25">
      <c r="A12" s="5" t="s">
        <v>17</v>
      </c>
      <c r="B12" s="7" t="s">
        <v>2469</v>
      </c>
      <c r="C12" s="3" t="s">
        <v>2470</v>
      </c>
      <c r="D12" s="3" t="s">
        <v>2471</v>
      </c>
      <c r="E12" s="3" t="s">
        <v>2374</v>
      </c>
      <c r="F12" s="3" t="s">
        <v>2472</v>
      </c>
      <c r="G12" s="3" t="s">
        <v>2473</v>
      </c>
      <c r="H12" s="3" t="s">
        <v>2474</v>
      </c>
      <c r="I12" s="3" t="s">
        <v>2475</v>
      </c>
      <c r="J12" s="3" t="s">
        <v>2476</v>
      </c>
      <c r="K12" s="3" t="s">
        <v>2376</v>
      </c>
      <c r="L12" s="3" t="s">
        <v>2477</v>
      </c>
      <c r="M12" s="3" t="s">
        <v>2478</v>
      </c>
      <c r="N12" s="3" t="s">
        <v>2479</v>
      </c>
    </row>
    <row r="13" spans="1:14" x14ac:dyDescent="0.25">
      <c r="A13" s="4" t="s">
        <v>24</v>
      </c>
      <c r="B13" s="6" t="s">
        <v>2480</v>
      </c>
      <c r="C13" s="2" t="s">
        <v>2470</v>
      </c>
      <c r="D13" s="2" t="s">
        <v>2481</v>
      </c>
      <c r="E13" s="2" t="s">
        <v>2482</v>
      </c>
      <c r="F13" s="2" t="s">
        <v>2472</v>
      </c>
      <c r="G13" s="2" t="s">
        <v>2483</v>
      </c>
      <c r="H13" s="2" t="s">
        <v>2474</v>
      </c>
      <c r="I13" s="2" t="s">
        <v>2484</v>
      </c>
      <c r="J13" s="2" t="s">
        <v>2485</v>
      </c>
      <c r="K13" s="2" t="s">
        <v>2486</v>
      </c>
      <c r="L13" s="2" t="s">
        <v>2487</v>
      </c>
      <c r="M13" s="2" t="s">
        <v>2488</v>
      </c>
      <c r="N13" s="2" t="s">
        <v>2489</v>
      </c>
    </row>
    <row r="14" spans="1:14" x14ac:dyDescent="0.25">
      <c r="A14" s="5" t="s">
        <v>31</v>
      </c>
      <c r="B14" s="7" t="s">
        <v>2490</v>
      </c>
      <c r="C14" s="3" t="s">
        <v>51</v>
      </c>
      <c r="D14" s="3" t="s">
        <v>2491</v>
      </c>
      <c r="E14" s="3" t="s">
        <v>2491</v>
      </c>
      <c r="F14" s="3" t="s">
        <v>51</v>
      </c>
      <c r="G14" s="3" t="s">
        <v>51</v>
      </c>
      <c r="H14" s="3" t="s">
        <v>51</v>
      </c>
      <c r="I14" s="3" t="s">
        <v>2492</v>
      </c>
      <c r="J14" s="3" t="s">
        <v>2493</v>
      </c>
      <c r="K14" s="3" t="s">
        <v>2493</v>
      </c>
      <c r="L14" s="3" t="s">
        <v>2494</v>
      </c>
      <c r="M14" s="3" t="s">
        <v>2495</v>
      </c>
      <c r="N14" s="3" t="s">
        <v>2495</v>
      </c>
    </row>
    <row r="15" spans="1:14" x14ac:dyDescent="0.25">
      <c r="A15" s="4" t="s">
        <v>37</v>
      </c>
      <c r="B15" s="6" t="s">
        <v>2496</v>
      </c>
      <c r="C15" s="2" t="s">
        <v>51</v>
      </c>
      <c r="D15" s="2" t="s">
        <v>2497</v>
      </c>
      <c r="E15" s="2" t="s">
        <v>2497</v>
      </c>
      <c r="F15" s="2" t="s">
        <v>51</v>
      </c>
      <c r="G15" s="2" t="s">
        <v>51</v>
      </c>
      <c r="H15" s="2" t="s">
        <v>51</v>
      </c>
      <c r="I15" s="2" t="s">
        <v>51</v>
      </c>
      <c r="J15" s="2" t="s">
        <v>51</v>
      </c>
      <c r="K15" s="2" t="s">
        <v>51</v>
      </c>
      <c r="L15" s="2" t="s">
        <v>51</v>
      </c>
      <c r="M15" s="2" t="s">
        <v>51</v>
      </c>
      <c r="N15" s="2" t="s">
        <v>51</v>
      </c>
    </row>
    <row r="16" spans="1:14" x14ac:dyDescent="0.25">
      <c r="A16" s="4" t="s">
        <v>43</v>
      </c>
      <c r="B16" s="6" t="s">
        <v>2498</v>
      </c>
      <c r="C16" s="2" t="s">
        <v>51</v>
      </c>
      <c r="D16" s="2" t="s">
        <v>2499</v>
      </c>
      <c r="E16" s="2" t="s">
        <v>2499</v>
      </c>
      <c r="F16" s="2" t="s">
        <v>51</v>
      </c>
      <c r="G16" s="2" t="s">
        <v>51</v>
      </c>
      <c r="H16" s="2" t="s">
        <v>51</v>
      </c>
      <c r="I16" s="2" t="s">
        <v>2500</v>
      </c>
      <c r="J16" s="2" t="s">
        <v>2501</v>
      </c>
      <c r="K16" s="2" t="s">
        <v>2501</v>
      </c>
      <c r="L16" s="2" t="s">
        <v>2494</v>
      </c>
      <c r="M16" s="2" t="s">
        <v>2495</v>
      </c>
      <c r="N16" s="2" t="s">
        <v>2495</v>
      </c>
    </row>
    <row r="17" spans="1:14" x14ac:dyDescent="0.25">
      <c r="A17" s="4" t="s">
        <v>49</v>
      </c>
      <c r="B17" s="6" t="s">
        <v>2502</v>
      </c>
      <c r="C17" s="2" t="s">
        <v>51</v>
      </c>
      <c r="D17" s="2" t="s">
        <v>2503</v>
      </c>
      <c r="E17" s="2" t="s">
        <v>2503</v>
      </c>
      <c r="F17" s="2" t="s">
        <v>51</v>
      </c>
      <c r="G17" s="2" t="s">
        <v>51</v>
      </c>
      <c r="H17" s="2" t="s">
        <v>51</v>
      </c>
      <c r="I17" s="2" t="s">
        <v>2504</v>
      </c>
      <c r="J17" s="2" t="s">
        <v>2504</v>
      </c>
      <c r="K17" s="2" t="s">
        <v>2504</v>
      </c>
      <c r="L17" s="2" t="s">
        <v>51</v>
      </c>
      <c r="M17" s="2" t="s">
        <v>51</v>
      </c>
      <c r="N17" s="2" t="s">
        <v>51</v>
      </c>
    </row>
    <row r="18" spans="1:14" x14ac:dyDescent="0.25">
      <c r="A18" s="5" t="s">
        <v>52</v>
      </c>
      <c r="B18" s="7" t="s">
        <v>2505</v>
      </c>
      <c r="C18" s="3" t="s">
        <v>51</v>
      </c>
      <c r="D18" s="3" t="s">
        <v>2506</v>
      </c>
      <c r="E18" s="3" t="s">
        <v>2507</v>
      </c>
      <c r="F18" s="3" t="s">
        <v>51</v>
      </c>
      <c r="G18" s="3" t="s">
        <v>2508</v>
      </c>
      <c r="H18" s="3" t="s">
        <v>51</v>
      </c>
      <c r="I18" s="3" t="s">
        <v>2509</v>
      </c>
      <c r="J18" s="3" t="s">
        <v>2510</v>
      </c>
      <c r="K18" s="3" t="s">
        <v>2511</v>
      </c>
      <c r="L18" s="3" t="s">
        <v>2512</v>
      </c>
      <c r="M18" s="3" t="s">
        <v>2513</v>
      </c>
      <c r="N18" s="3" t="s">
        <v>2514</v>
      </c>
    </row>
    <row r="19" spans="1:14" x14ac:dyDescent="0.25">
      <c r="A19" s="4" t="s">
        <v>59</v>
      </c>
      <c r="B19" s="6" t="s">
        <v>2515</v>
      </c>
      <c r="C19" s="2" t="s">
        <v>51</v>
      </c>
      <c r="D19" s="2" t="s">
        <v>2516</v>
      </c>
      <c r="E19" s="2" t="s">
        <v>2517</v>
      </c>
      <c r="F19" s="2" t="s">
        <v>51</v>
      </c>
      <c r="G19" s="2" t="s">
        <v>2518</v>
      </c>
      <c r="H19" s="2" t="s">
        <v>51</v>
      </c>
      <c r="I19" s="2" t="s">
        <v>51</v>
      </c>
      <c r="J19" s="2" t="s">
        <v>51</v>
      </c>
      <c r="K19" s="2" t="s">
        <v>51</v>
      </c>
      <c r="L19" s="2" t="s">
        <v>51</v>
      </c>
      <c r="M19" s="2" t="s">
        <v>51</v>
      </c>
      <c r="N19" s="2" t="s">
        <v>2518</v>
      </c>
    </row>
    <row r="20" spans="1:14" x14ac:dyDescent="0.25">
      <c r="A20" s="4" t="s">
        <v>61</v>
      </c>
      <c r="B20" s="6" t="s">
        <v>2519</v>
      </c>
      <c r="C20" s="2" t="s">
        <v>51</v>
      </c>
      <c r="D20" s="2" t="s">
        <v>2520</v>
      </c>
      <c r="E20" s="2" t="s">
        <v>2521</v>
      </c>
      <c r="F20" s="2" t="s">
        <v>51</v>
      </c>
      <c r="G20" s="2" t="s">
        <v>2522</v>
      </c>
      <c r="H20" s="2" t="s">
        <v>51</v>
      </c>
      <c r="I20" s="2" t="s">
        <v>2509</v>
      </c>
      <c r="J20" s="2" t="s">
        <v>2510</v>
      </c>
      <c r="K20" s="2" t="s">
        <v>2511</v>
      </c>
      <c r="L20" s="2" t="s">
        <v>2512</v>
      </c>
      <c r="M20" s="2" t="s">
        <v>2513</v>
      </c>
      <c r="N20" s="2" t="s">
        <v>2523</v>
      </c>
    </row>
    <row r="21" spans="1:14" x14ac:dyDescent="0.25">
      <c r="A21" s="5" t="s">
        <v>63</v>
      </c>
      <c r="B21" s="7" t="s">
        <v>2524</v>
      </c>
      <c r="C21" s="3" t="s">
        <v>51</v>
      </c>
      <c r="D21" s="3" t="s">
        <v>2525</v>
      </c>
      <c r="E21" s="3" t="s">
        <v>2526</v>
      </c>
      <c r="F21" s="3" t="s">
        <v>51</v>
      </c>
      <c r="G21" s="3" t="s">
        <v>2527</v>
      </c>
      <c r="H21" s="3" t="s">
        <v>51</v>
      </c>
      <c r="I21" s="3" t="s">
        <v>2528</v>
      </c>
      <c r="J21" s="3" t="s">
        <v>2529</v>
      </c>
      <c r="K21" s="3" t="s">
        <v>2529</v>
      </c>
      <c r="L21" s="3" t="s">
        <v>2530</v>
      </c>
      <c r="M21" s="3" t="s">
        <v>2531</v>
      </c>
      <c r="N21" s="3" t="s">
        <v>2532</v>
      </c>
    </row>
    <row r="22" spans="1:14" x14ac:dyDescent="0.25">
      <c r="A22" s="4" t="s">
        <v>65</v>
      </c>
      <c r="B22" s="6" t="s">
        <v>2533</v>
      </c>
      <c r="C22" s="2" t="s">
        <v>51</v>
      </c>
      <c r="D22" s="2" t="s">
        <v>2525</v>
      </c>
      <c r="E22" s="2" t="s">
        <v>2526</v>
      </c>
      <c r="F22" s="2" t="s">
        <v>51</v>
      </c>
      <c r="G22" s="2" t="s">
        <v>2527</v>
      </c>
      <c r="H22" s="2" t="s">
        <v>51</v>
      </c>
      <c r="I22" s="2" t="s">
        <v>2534</v>
      </c>
      <c r="J22" s="2" t="s">
        <v>2535</v>
      </c>
      <c r="K22" s="2" t="s">
        <v>2535</v>
      </c>
      <c r="L22" s="2" t="s">
        <v>2536</v>
      </c>
      <c r="M22" s="2" t="s">
        <v>2537</v>
      </c>
      <c r="N22" s="2" t="s">
        <v>2538</v>
      </c>
    </row>
    <row r="23" spans="1:14" x14ac:dyDescent="0.25">
      <c r="A23" s="4" t="s">
        <v>67</v>
      </c>
      <c r="B23" s="6" t="s">
        <v>2539</v>
      </c>
      <c r="C23" s="2" t="s">
        <v>51</v>
      </c>
      <c r="D23" s="2" t="s">
        <v>51</v>
      </c>
      <c r="E23" s="2" t="s">
        <v>51</v>
      </c>
      <c r="F23" s="2" t="s">
        <v>51</v>
      </c>
      <c r="G23" s="2" t="s">
        <v>51</v>
      </c>
      <c r="H23" s="2" t="s">
        <v>51</v>
      </c>
      <c r="I23" s="2" t="s">
        <v>2540</v>
      </c>
      <c r="J23" s="2" t="s">
        <v>2541</v>
      </c>
      <c r="K23" s="2" t="s">
        <v>2541</v>
      </c>
      <c r="L23" s="2" t="s">
        <v>2542</v>
      </c>
      <c r="M23" s="2" t="s">
        <v>2543</v>
      </c>
      <c r="N23" s="2" t="s">
        <v>2543</v>
      </c>
    </row>
    <row r="24" spans="1:14" x14ac:dyDescent="0.25">
      <c r="A24" s="4" t="s">
        <v>73</v>
      </c>
      <c r="B24" s="6" t="s">
        <v>2544</v>
      </c>
      <c r="C24" s="2" t="s">
        <v>51</v>
      </c>
      <c r="D24" s="2" t="s">
        <v>51</v>
      </c>
      <c r="E24" s="2" t="s">
        <v>51</v>
      </c>
      <c r="F24" s="2" t="s">
        <v>51</v>
      </c>
      <c r="G24" s="2" t="s">
        <v>51</v>
      </c>
      <c r="H24" s="2" t="s">
        <v>51</v>
      </c>
      <c r="I24" s="2" t="s">
        <v>51</v>
      </c>
      <c r="J24" s="2" t="s">
        <v>51</v>
      </c>
      <c r="K24" s="2" t="s">
        <v>51</v>
      </c>
      <c r="L24" s="2" t="s">
        <v>51</v>
      </c>
      <c r="M24" s="2" t="s">
        <v>51</v>
      </c>
      <c r="N24" s="2" t="s">
        <v>51</v>
      </c>
    </row>
    <row r="25" spans="1:14" x14ac:dyDescent="0.25">
      <c r="A25" s="4" t="s">
        <v>79</v>
      </c>
      <c r="B25" s="6" t="s">
        <v>2545</v>
      </c>
      <c r="C25" s="2" t="s">
        <v>51</v>
      </c>
      <c r="D25" s="2" t="s">
        <v>2546</v>
      </c>
      <c r="E25" s="2" t="s">
        <v>2547</v>
      </c>
      <c r="F25" s="2" t="s">
        <v>51</v>
      </c>
      <c r="G25" s="2" t="s">
        <v>2548</v>
      </c>
      <c r="H25" s="2" t="s">
        <v>51</v>
      </c>
      <c r="I25" s="2" t="s">
        <v>2549</v>
      </c>
      <c r="J25" s="2" t="s">
        <v>2550</v>
      </c>
      <c r="K25" s="2" t="s">
        <v>2550</v>
      </c>
      <c r="L25" s="2" t="s">
        <v>2551</v>
      </c>
      <c r="M25" s="2" t="s">
        <v>2552</v>
      </c>
      <c r="N25" s="2" t="s">
        <v>2553</v>
      </c>
    </row>
    <row r="26" spans="1:14" x14ac:dyDescent="0.25">
      <c r="A26" s="5" t="s">
        <v>85</v>
      </c>
      <c r="B26" s="7" t="s">
        <v>2554</v>
      </c>
      <c r="C26" s="3" t="s">
        <v>2555</v>
      </c>
      <c r="D26" s="3" t="s">
        <v>2556</v>
      </c>
      <c r="E26" s="3" t="s">
        <v>2557</v>
      </c>
      <c r="F26" s="3" t="s">
        <v>2558</v>
      </c>
      <c r="G26" s="3" t="s">
        <v>2559</v>
      </c>
      <c r="H26" s="3" t="s">
        <v>2560</v>
      </c>
      <c r="I26" s="3" t="s">
        <v>2561</v>
      </c>
      <c r="J26" s="3" t="s">
        <v>2562</v>
      </c>
      <c r="K26" s="3" t="s">
        <v>51</v>
      </c>
      <c r="L26" s="3" t="s">
        <v>51</v>
      </c>
      <c r="M26" s="3" t="s">
        <v>2563</v>
      </c>
      <c r="N26" s="3" t="s">
        <v>2564</v>
      </c>
    </row>
    <row r="27" spans="1:14" x14ac:dyDescent="0.25">
      <c r="A27" s="4" t="s">
        <v>87</v>
      </c>
      <c r="B27" s="6" t="s">
        <v>2565</v>
      </c>
      <c r="C27" s="2" t="s">
        <v>2555</v>
      </c>
      <c r="D27" s="2" t="s">
        <v>2566</v>
      </c>
      <c r="E27" s="2" t="s">
        <v>2567</v>
      </c>
      <c r="F27" s="2" t="s">
        <v>2558</v>
      </c>
      <c r="G27" s="2" t="s">
        <v>2559</v>
      </c>
      <c r="H27" s="2" t="s">
        <v>2560</v>
      </c>
      <c r="I27" s="2" t="s">
        <v>2561</v>
      </c>
      <c r="J27" s="2" t="s">
        <v>2562</v>
      </c>
      <c r="K27" s="2" t="s">
        <v>51</v>
      </c>
      <c r="L27" s="2" t="s">
        <v>51</v>
      </c>
      <c r="M27" s="2" t="s">
        <v>2563</v>
      </c>
      <c r="N27" s="2" t="s">
        <v>2564</v>
      </c>
    </row>
    <row r="28" spans="1:14" x14ac:dyDescent="0.25">
      <c r="A28" s="5" t="s">
        <v>93</v>
      </c>
      <c r="B28" s="7" t="s">
        <v>2568</v>
      </c>
      <c r="C28" s="3" t="s">
        <v>51</v>
      </c>
      <c r="D28" s="3" t="s">
        <v>2569</v>
      </c>
      <c r="E28" s="3" t="s">
        <v>2569</v>
      </c>
      <c r="F28" s="3" t="s">
        <v>51</v>
      </c>
      <c r="G28" s="3" t="s">
        <v>51</v>
      </c>
      <c r="H28" s="3" t="s">
        <v>51</v>
      </c>
      <c r="I28" s="3" t="s">
        <v>51</v>
      </c>
      <c r="J28" s="3" t="s">
        <v>51</v>
      </c>
      <c r="K28" s="3" t="s">
        <v>51</v>
      </c>
      <c r="L28" s="3" t="s">
        <v>51</v>
      </c>
      <c r="M28" s="3" t="s">
        <v>51</v>
      </c>
      <c r="N28" s="3" t="s">
        <v>51</v>
      </c>
    </row>
    <row r="29" spans="1:14" x14ac:dyDescent="0.25">
      <c r="A29" s="4" t="s">
        <v>95</v>
      </c>
      <c r="B29" s="6" t="s">
        <v>2496</v>
      </c>
      <c r="C29" s="2" t="s">
        <v>51</v>
      </c>
      <c r="D29" s="2" t="s">
        <v>2570</v>
      </c>
      <c r="E29" s="2" t="s">
        <v>2570</v>
      </c>
      <c r="F29" s="2" t="s">
        <v>51</v>
      </c>
      <c r="G29" s="2" t="s">
        <v>51</v>
      </c>
      <c r="H29" s="2" t="s">
        <v>51</v>
      </c>
      <c r="I29" s="2" t="s">
        <v>51</v>
      </c>
      <c r="J29" s="2" t="s">
        <v>51</v>
      </c>
      <c r="K29" s="2" t="s">
        <v>51</v>
      </c>
      <c r="L29" s="2" t="s">
        <v>51</v>
      </c>
      <c r="M29" s="2" t="s">
        <v>51</v>
      </c>
      <c r="N29" s="2" t="s">
        <v>51</v>
      </c>
    </row>
    <row r="30" spans="1:14" x14ac:dyDescent="0.25">
      <c r="A30" s="4" t="s">
        <v>101</v>
      </c>
      <c r="B30" s="6" t="s">
        <v>2498</v>
      </c>
      <c r="C30" s="2" t="s">
        <v>51</v>
      </c>
      <c r="D30" s="2" t="s">
        <v>2571</v>
      </c>
      <c r="E30" s="2" t="s">
        <v>2571</v>
      </c>
      <c r="F30" s="2" t="s">
        <v>51</v>
      </c>
      <c r="G30" s="2" t="s">
        <v>51</v>
      </c>
      <c r="H30" s="2" t="s">
        <v>51</v>
      </c>
      <c r="I30" s="2" t="s">
        <v>51</v>
      </c>
      <c r="J30" s="2" t="s">
        <v>51</v>
      </c>
      <c r="K30" s="2" t="s">
        <v>51</v>
      </c>
      <c r="L30" s="2" t="s">
        <v>51</v>
      </c>
      <c r="M30" s="2" t="s">
        <v>51</v>
      </c>
      <c r="N30" s="2" t="s">
        <v>51</v>
      </c>
    </row>
    <row r="31" spans="1:14" x14ac:dyDescent="0.25">
      <c r="A31" s="4" t="s">
        <v>103</v>
      </c>
      <c r="B31" s="6" t="s">
        <v>2502</v>
      </c>
      <c r="C31" s="2" t="s">
        <v>51</v>
      </c>
      <c r="D31" s="2" t="s">
        <v>51</v>
      </c>
      <c r="E31" s="2" t="s">
        <v>51</v>
      </c>
      <c r="F31" s="2" t="s">
        <v>51</v>
      </c>
      <c r="G31" s="2" t="s">
        <v>51</v>
      </c>
      <c r="H31" s="2" t="s">
        <v>51</v>
      </c>
      <c r="I31" s="2" t="s">
        <v>51</v>
      </c>
      <c r="J31" s="2" t="s">
        <v>51</v>
      </c>
      <c r="K31" s="2" t="s">
        <v>51</v>
      </c>
      <c r="L31" s="2" t="s">
        <v>51</v>
      </c>
      <c r="M31" s="2" t="s">
        <v>51</v>
      </c>
      <c r="N31" s="2" t="s">
        <v>51</v>
      </c>
    </row>
    <row r="32" spans="1:14" x14ac:dyDescent="0.25">
      <c r="A32" s="5" t="s">
        <v>105</v>
      </c>
      <c r="B32" s="7" t="s">
        <v>2572</v>
      </c>
      <c r="C32" s="3" t="s">
        <v>51</v>
      </c>
      <c r="D32" s="3" t="s">
        <v>2573</v>
      </c>
      <c r="E32" s="3" t="s">
        <v>2573</v>
      </c>
      <c r="F32" s="3" t="s">
        <v>51</v>
      </c>
      <c r="G32" s="3" t="s">
        <v>51</v>
      </c>
      <c r="H32" s="3" t="s">
        <v>51</v>
      </c>
      <c r="I32" s="3" t="s">
        <v>51</v>
      </c>
      <c r="J32" s="3" t="s">
        <v>51</v>
      </c>
      <c r="K32" s="3" t="s">
        <v>51</v>
      </c>
      <c r="L32" s="3" t="s">
        <v>51</v>
      </c>
      <c r="M32" s="3" t="s">
        <v>51</v>
      </c>
      <c r="N32" s="3" t="s">
        <v>51</v>
      </c>
    </row>
    <row r="33" spans="1:14" x14ac:dyDescent="0.25">
      <c r="A33" s="4" t="s">
        <v>107</v>
      </c>
      <c r="B33" s="6" t="s">
        <v>2515</v>
      </c>
      <c r="C33" s="2" t="s">
        <v>51</v>
      </c>
      <c r="D33" s="2" t="s">
        <v>2573</v>
      </c>
      <c r="E33" s="2" t="s">
        <v>2573</v>
      </c>
      <c r="F33" s="2" t="s">
        <v>51</v>
      </c>
      <c r="G33" s="2" t="s">
        <v>51</v>
      </c>
      <c r="H33" s="2" t="s">
        <v>51</v>
      </c>
      <c r="I33" s="2" t="s">
        <v>51</v>
      </c>
      <c r="J33" s="2" t="s">
        <v>51</v>
      </c>
      <c r="K33" s="2" t="s">
        <v>51</v>
      </c>
      <c r="L33" s="2" t="s">
        <v>51</v>
      </c>
      <c r="M33" s="2" t="s">
        <v>51</v>
      </c>
      <c r="N33" s="2" t="s">
        <v>51</v>
      </c>
    </row>
    <row r="34" spans="1:14" x14ac:dyDescent="0.25">
      <c r="A34" s="4" t="s">
        <v>113</v>
      </c>
      <c r="B34" s="6" t="s">
        <v>2519</v>
      </c>
      <c r="C34" s="2" t="s">
        <v>51</v>
      </c>
      <c r="D34" s="2" t="s">
        <v>51</v>
      </c>
      <c r="E34" s="2" t="s">
        <v>51</v>
      </c>
      <c r="F34" s="2" t="s">
        <v>51</v>
      </c>
      <c r="G34" s="2" t="s">
        <v>51</v>
      </c>
      <c r="H34" s="2" t="s">
        <v>51</v>
      </c>
      <c r="I34" s="2" t="s">
        <v>51</v>
      </c>
      <c r="J34" s="2" t="s">
        <v>51</v>
      </c>
      <c r="K34" s="2" t="s">
        <v>51</v>
      </c>
      <c r="L34" s="2" t="s">
        <v>51</v>
      </c>
      <c r="M34" s="2" t="s">
        <v>51</v>
      </c>
      <c r="N34" s="2" t="s">
        <v>51</v>
      </c>
    </row>
    <row r="35" spans="1:14" x14ac:dyDescent="0.25">
      <c r="A35" s="5" t="s">
        <v>119</v>
      </c>
      <c r="B35" s="7" t="s">
        <v>2524</v>
      </c>
      <c r="C35" s="3" t="s">
        <v>51</v>
      </c>
      <c r="D35" s="3" t="s">
        <v>51</v>
      </c>
      <c r="E35" s="3" t="s">
        <v>51</v>
      </c>
      <c r="F35" s="3" t="s">
        <v>51</v>
      </c>
      <c r="G35" s="3" t="s">
        <v>51</v>
      </c>
      <c r="H35" s="3" t="s">
        <v>51</v>
      </c>
      <c r="I35" s="3" t="s">
        <v>51</v>
      </c>
      <c r="J35" s="3" t="s">
        <v>51</v>
      </c>
      <c r="K35" s="3" t="s">
        <v>51</v>
      </c>
      <c r="L35" s="3" t="s">
        <v>51</v>
      </c>
      <c r="M35" s="3" t="s">
        <v>51</v>
      </c>
      <c r="N35" s="3" t="s">
        <v>51</v>
      </c>
    </row>
    <row r="36" spans="1:14" x14ac:dyDescent="0.25">
      <c r="A36" s="4" t="s">
        <v>125</v>
      </c>
      <c r="B36" s="6" t="s">
        <v>2533</v>
      </c>
      <c r="C36" s="2" t="s">
        <v>51</v>
      </c>
      <c r="D36" s="2" t="s">
        <v>51</v>
      </c>
      <c r="E36" s="2" t="s">
        <v>51</v>
      </c>
      <c r="F36" s="2" t="s">
        <v>51</v>
      </c>
      <c r="G36" s="2" t="s">
        <v>51</v>
      </c>
      <c r="H36" s="2" t="s">
        <v>51</v>
      </c>
      <c r="I36" s="2" t="s">
        <v>51</v>
      </c>
      <c r="J36" s="2" t="s">
        <v>51</v>
      </c>
      <c r="K36" s="2" t="s">
        <v>51</v>
      </c>
      <c r="L36" s="2" t="s">
        <v>51</v>
      </c>
      <c r="M36" s="2" t="s">
        <v>51</v>
      </c>
      <c r="N36" s="2" t="s">
        <v>51</v>
      </c>
    </row>
    <row r="37" spans="1:14" x14ac:dyDescent="0.25">
      <c r="A37" s="4" t="s">
        <v>131</v>
      </c>
      <c r="B37" s="6" t="s">
        <v>2539</v>
      </c>
      <c r="C37" s="2" t="s">
        <v>51</v>
      </c>
      <c r="D37" s="2" t="s">
        <v>51</v>
      </c>
      <c r="E37" s="2" t="s">
        <v>51</v>
      </c>
      <c r="F37" s="2" t="s">
        <v>51</v>
      </c>
      <c r="G37" s="2" t="s">
        <v>51</v>
      </c>
      <c r="H37" s="2" t="s">
        <v>51</v>
      </c>
      <c r="I37" s="2" t="s">
        <v>51</v>
      </c>
      <c r="J37" s="2" t="s">
        <v>51</v>
      </c>
      <c r="K37" s="2" t="s">
        <v>51</v>
      </c>
      <c r="L37" s="2" t="s">
        <v>51</v>
      </c>
      <c r="M37" s="2" t="s">
        <v>51</v>
      </c>
      <c r="N37" s="2" t="s">
        <v>51</v>
      </c>
    </row>
    <row r="38" spans="1:14" x14ac:dyDescent="0.25">
      <c r="A38" s="4" t="s">
        <v>133</v>
      </c>
      <c r="B38" s="6" t="s">
        <v>2544</v>
      </c>
      <c r="C38" s="2" t="s">
        <v>51</v>
      </c>
      <c r="D38" s="2" t="s">
        <v>51</v>
      </c>
      <c r="E38" s="2" t="s">
        <v>51</v>
      </c>
      <c r="F38" s="2" t="s">
        <v>51</v>
      </c>
      <c r="G38" s="2" t="s">
        <v>51</v>
      </c>
      <c r="H38" s="2" t="s">
        <v>51</v>
      </c>
      <c r="I38" s="2" t="s">
        <v>51</v>
      </c>
      <c r="J38" s="2" t="s">
        <v>51</v>
      </c>
      <c r="K38" s="2" t="s">
        <v>51</v>
      </c>
      <c r="L38" s="2" t="s">
        <v>51</v>
      </c>
      <c r="M38" s="2" t="s">
        <v>51</v>
      </c>
      <c r="N38" s="2" t="s">
        <v>51</v>
      </c>
    </row>
    <row r="39" spans="1:14" x14ac:dyDescent="0.25">
      <c r="A39" s="4" t="s">
        <v>139</v>
      </c>
      <c r="B39" s="6" t="s">
        <v>2545</v>
      </c>
      <c r="C39" s="2" t="s">
        <v>51</v>
      </c>
      <c r="D39" s="2" t="s">
        <v>2574</v>
      </c>
      <c r="E39" s="2" t="s">
        <v>2574</v>
      </c>
      <c r="F39" s="2" t="s">
        <v>51</v>
      </c>
      <c r="G39" s="2" t="s">
        <v>51</v>
      </c>
      <c r="H39" s="2" t="s">
        <v>51</v>
      </c>
      <c r="I39" s="2" t="s">
        <v>51</v>
      </c>
      <c r="J39" s="2" t="s">
        <v>51</v>
      </c>
      <c r="K39" s="2" t="s">
        <v>51</v>
      </c>
      <c r="L39" s="2" t="s">
        <v>51</v>
      </c>
      <c r="M39" s="2" t="s">
        <v>51</v>
      </c>
      <c r="N39" s="2" t="s">
        <v>51</v>
      </c>
    </row>
    <row r="40" spans="1:14" x14ac:dyDescent="0.25">
      <c r="A40" s="5" t="s">
        <v>145</v>
      </c>
      <c r="B40" s="7" t="s">
        <v>2575</v>
      </c>
      <c r="C40" s="3" t="s">
        <v>2576</v>
      </c>
      <c r="D40" s="3" t="s">
        <v>2577</v>
      </c>
      <c r="E40" s="3" t="s">
        <v>2578</v>
      </c>
      <c r="F40" s="3" t="s">
        <v>2579</v>
      </c>
      <c r="G40" s="3" t="s">
        <v>2580</v>
      </c>
      <c r="H40" s="3" t="s">
        <v>2581</v>
      </c>
      <c r="I40" s="3" t="s">
        <v>2582</v>
      </c>
      <c r="J40" s="3" t="s">
        <v>2583</v>
      </c>
      <c r="K40" s="3" t="s">
        <v>2376</v>
      </c>
      <c r="L40" s="3" t="s">
        <v>2477</v>
      </c>
      <c r="M40" s="3" t="s">
        <v>2584</v>
      </c>
      <c r="N40" s="3" t="s">
        <v>2585</v>
      </c>
    </row>
  </sheetData>
  <mergeCells count="11">
    <mergeCell ref="A3:N3"/>
    <mergeCell ref="A4:N4"/>
    <mergeCell ref="A5:N5"/>
    <mergeCell ref="A6:N6"/>
    <mergeCell ref="A7:N7"/>
    <mergeCell ref="A9:N9"/>
    <mergeCell ref="A10:A11"/>
    <mergeCell ref="B10:B11"/>
    <mergeCell ref="C10:G10"/>
    <mergeCell ref="H10:M10"/>
    <mergeCell ref="N10:N11"/>
  </mergeCells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H154"/>
  <sheetViews>
    <sheetView showGridLines="0" workbookViewId="0"/>
  </sheetViews>
  <sheetFormatPr defaultRowHeight="15" x14ac:dyDescent="0.25"/>
  <cols>
    <col min="1" max="1" width="2.140625" bestFit="1" customWidth="1"/>
    <col min="2" max="2" width="112.28515625" bestFit="1" customWidth="1"/>
    <col min="3" max="4" width="10" bestFit="1" customWidth="1"/>
    <col min="5" max="5" width="12.140625" bestFit="1" customWidth="1"/>
    <col min="6" max="6" width="12.42578125" bestFit="1" customWidth="1"/>
    <col min="7" max="7" width="12.140625" bestFit="1" customWidth="1"/>
    <col min="8" max="8" width="12.5703125" bestFit="1" customWidth="1"/>
  </cols>
  <sheetData>
    <row r="3" spans="1:8" x14ac:dyDescent="0.25">
      <c r="A3" s="14" t="s">
        <v>0</v>
      </c>
      <c r="B3" s="13"/>
      <c r="C3" s="13"/>
      <c r="D3" s="13"/>
      <c r="E3" s="13"/>
      <c r="F3" s="13"/>
      <c r="G3" s="13"/>
      <c r="H3" s="13"/>
    </row>
    <row r="4" spans="1:8" x14ac:dyDescent="0.25">
      <c r="A4" s="14" t="s">
        <v>1</v>
      </c>
      <c r="B4" s="13"/>
      <c r="C4" s="13"/>
      <c r="D4" s="13"/>
      <c r="E4" s="13"/>
      <c r="F4" s="13"/>
      <c r="G4" s="13"/>
      <c r="H4" s="13"/>
    </row>
    <row r="5" spans="1:8" x14ac:dyDescent="0.25">
      <c r="A5" s="15" t="s">
        <v>2586</v>
      </c>
      <c r="B5" s="13"/>
      <c r="C5" s="13"/>
      <c r="D5" s="13"/>
      <c r="E5" s="13"/>
      <c r="F5" s="13"/>
      <c r="G5" s="13"/>
      <c r="H5" s="13"/>
    </row>
    <row r="6" spans="1:8" x14ac:dyDescent="0.25">
      <c r="A6" s="14" t="s">
        <v>3</v>
      </c>
      <c r="B6" s="13"/>
      <c r="C6" s="13"/>
      <c r="D6" s="13"/>
      <c r="E6" s="13"/>
      <c r="F6" s="13"/>
      <c r="G6" s="13"/>
      <c r="H6" s="13"/>
    </row>
    <row r="7" spans="1:8" x14ac:dyDescent="0.25">
      <c r="A7" s="14" t="s">
        <v>4</v>
      </c>
      <c r="B7" s="13"/>
      <c r="C7" s="13"/>
      <c r="D7" s="13"/>
      <c r="E7" s="13"/>
      <c r="F7" s="13"/>
      <c r="G7" s="13"/>
      <c r="H7" s="13"/>
    </row>
    <row r="9" spans="1:8" x14ac:dyDescent="0.25">
      <c r="A9" s="12" t="s">
        <v>2587</v>
      </c>
      <c r="B9" s="13"/>
      <c r="C9" s="13"/>
      <c r="D9" s="13"/>
      <c r="E9" s="13"/>
      <c r="F9" s="13"/>
      <c r="G9" s="13"/>
      <c r="H9" s="13"/>
    </row>
    <row r="10" spans="1:8" x14ac:dyDescent="0.25">
      <c r="A10" s="11" t="s">
        <v>6</v>
      </c>
      <c r="B10" s="11" t="s">
        <v>2588</v>
      </c>
      <c r="C10" s="11" t="s">
        <v>9</v>
      </c>
      <c r="D10" s="11" t="s">
        <v>10</v>
      </c>
      <c r="E10" s="11" t="s">
        <v>11</v>
      </c>
      <c r="F10" s="11" t="s">
        <v>11</v>
      </c>
    </row>
    <row r="11" spans="1:8" ht="31.5" x14ac:dyDescent="0.25">
      <c r="A11" s="11" t="s">
        <v>7</v>
      </c>
      <c r="B11" s="11" t="s">
        <v>7</v>
      </c>
      <c r="C11" s="11" t="s">
        <v>7</v>
      </c>
      <c r="D11" s="11" t="s">
        <v>7</v>
      </c>
      <c r="E11" s="1" t="s">
        <v>634</v>
      </c>
      <c r="F11" s="1" t="s">
        <v>2589</v>
      </c>
    </row>
    <row r="12" spans="1:8" x14ac:dyDescent="0.25">
      <c r="A12" s="5" t="s">
        <v>17</v>
      </c>
      <c r="B12" s="7" t="s">
        <v>2590</v>
      </c>
      <c r="C12" s="3" t="s">
        <v>2591</v>
      </c>
      <c r="D12" s="3" t="s">
        <v>2591</v>
      </c>
      <c r="E12" s="3" t="s">
        <v>2592</v>
      </c>
      <c r="F12" s="3" t="s">
        <v>2593</v>
      </c>
    </row>
    <row r="13" spans="1:8" x14ac:dyDescent="0.25">
      <c r="A13" s="5" t="s">
        <v>24</v>
      </c>
      <c r="B13" s="7" t="s">
        <v>2594</v>
      </c>
      <c r="C13" s="3" t="s">
        <v>1694</v>
      </c>
      <c r="D13" s="3" t="s">
        <v>1694</v>
      </c>
      <c r="E13" s="3" t="s">
        <v>2595</v>
      </c>
      <c r="F13" s="3" t="s">
        <v>2596</v>
      </c>
    </row>
    <row r="14" spans="1:8" x14ac:dyDescent="0.25">
      <c r="A14" s="4" t="s">
        <v>31</v>
      </c>
      <c r="B14" s="6" t="s">
        <v>2597</v>
      </c>
      <c r="C14" s="2" t="s">
        <v>2598</v>
      </c>
      <c r="D14" s="2" t="s">
        <v>2598</v>
      </c>
      <c r="E14" s="2" t="s">
        <v>2599</v>
      </c>
      <c r="F14" s="2" t="s">
        <v>2600</v>
      </c>
    </row>
    <row r="15" spans="1:8" x14ac:dyDescent="0.25">
      <c r="A15" s="4" t="s">
        <v>37</v>
      </c>
      <c r="B15" s="6" t="s">
        <v>2601</v>
      </c>
      <c r="C15" s="2" t="s">
        <v>2602</v>
      </c>
      <c r="D15" s="2" t="s">
        <v>2602</v>
      </c>
      <c r="E15" s="2" t="s">
        <v>2603</v>
      </c>
      <c r="F15" s="2" t="s">
        <v>2604</v>
      </c>
    </row>
    <row r="16" spans="1:8" x14ac:dyDescent="0.25">
      <c r="A16" s="4" t="s">
        <v>43</v>
      </c>
      <c r="B16" s="6" t="s">
        <v>2605</v>
      </c>
      <c r="C16" s="2" t="s">
        <v>2606</v>
      </c>
      <c r="D16" s="2" t="s">
        <v>2606</v>
      </c>
      <c r="E16" s="2" t="s">
        <v>2607</v>
      </c>
      <c r="F16" s="2" t="s">
        <v>2608</v>
      </c>
    </row>
    <row r="17" spans="1:6" x14ac:dyDescent="0.25">
      <c r="A17" s="5" t="s">
        <v>49</v>
      </c>
      <c r="B17" s="7" t="s">
        <v>2609</v>
      </c>
      <c r="C17" s="3" t="s">
        <v>1724</v>
      </c>
      <c r="D17" s="3" t="s">
        <v>1724</v>
      </c>
      <c r="E17" s="3" t="s">
        <v>2610</v>
      </c>
      <c r="F17" s="3" t="s">
        <v>2611</v>
      </c>
    </row>
    <row r="18" spans="1:6" x14ac:dyDescent="0.25">
      <c r="A18" s="4" t="s">
        <v>52</v>
      </c>
      <c r="B18" s="6" t="s">
        <v>2612</v>
      </c>
      <c r="C18" s="2" t="s">
        <v>2613</v>
      </c>
      <c r="D18" s="2" t="s">
        <v>2613</v>
      </c>
      <c r="E18" s="2" t="s">
        <v>2614</v>
      </c>
      <c r="F18" s="2" t="s">
        <v>2615</v>
      </c>
    </row>
    <row r="19" spans="1:6" x14ac:dyDescent="0.25">
      <c r="A19" s="4" t="s">
        <v>59</v>
      </c>
      <c r="B19" s="6" t="s">
        <v>2616</v>
      </c>
      <c r="C19" s="2" t="s">
        <v>2617</v>
      </c>
      <c r="D19" s="2" t="s">
        <v>2617</v>
      </c>
      <c r="E19" s="2" t="s">
        <v>2618</v>
      </c>
      <c r="F19" s="2" t="s">
        <v>2619</v>
      </c>
    </row>
    <row r="20" spans="1:6" x14ac:dyDescent="0.25">
      <c r="A20" s="5" t="s">
        <v>61</v>
      </c>
      <c r="B20" s="7" t="s">
        <v>2620</v>
      </c>
      <c r="C20" s="3" t="s">
        <v>1709</v>
      </c>
      <c r="D20" s="3" t="s">
        <v>1709</v>
      </c>
      <c r="E20" s="3" t="s">
        <v>2621</v>
      </c>
      <c r="F20" s="3" t="s">
        <v>2622</v>
      </c>
    </row>
    <row r="21" spans="1:6" x14ac:dyDescent="0.25">
      <c r="A21" s="4" t="s">
        <v>63</v>
      </c>
      <c r="B21" s="6" t="s">
        <v>2623</v>
      </c>
      <c r="C21" s="2" t="s">
        <v>2624</v>
      </c>
      <c r="D21" s="2" t="s">
        <v>2624</v>
      </c>
      <c r="E21" s="2" t="s">
        <v>2625</v>
      </c>
      <c r="F21" s="2" t="s">
        <v>2626</v>
      </c>
    </row>
    <row r="22" spans="1:6" x14ac:dyDescent="0.25">
      <c r="A22" s="4" t="s">
        <v>65</v>
      </c>
      <c r="B22" s="6" t="s">
        <v>2627</v>
      </c>
      <c r="C22" s="2" t="s">
        <v>2628</v>
      </c>
      <c r="D22" s="2" t="s">
        <v>2628</v>
      </c>
      <c r="E22" s="2" t="s">
        <v>2629</v>
      </c>
      <c r="F22" s="2" t="s">
        <v>2630</v>
      </c>
    </row>
    <row r="23" spans="1:6" x14ac:dyDescent="0.25">
      <c r="A23" s="4" t="s">
        <v>67</v>
      </c>
      <c r="B23" s="6" t="s">
        <v>2631</v>
      </c>
      <c r="C23" s="2" t="s">
        <v>1739</v>
      </c>
      <c r="D23" s="2" t="s">
        <v>1739</v>
      </c>
      <c r="E23" s="2" t="s">
        <v>2278</v>
      </c>
      <c r="F23" s="2" t="s">
        <v>2632</v>
      </c>
    </row>
    <row r="24" spans="1:6" x14ac:dyDescent="0.25">
      <c r="A24" s="5" t="s">
        <v>73</v>
      </c>
      <c r="B24" s="7" t="s">
        <v>2633</v>
      </c>
      <c r="C24" s="3" t="s">
        <v>2634</v>
      </c>
      <c r="D24" s="3" t="s">
        <v>2634</v>
      </c>
      <c r="E24" s="3" t="s">
        <v>2635</v>
      </c>
      <c r="F24" s="3" t="s">
        <v>2636</v>
      </c>
    </row>
    <row r="25" spans="1:6" x14ac:dyDescent="0.25">
      <c r="A25" s="4" t="s">
        <v>79</v>
      </c>
      <c r="B25" s="6" t="s">
        <v>2637</v>
      </c>
      <c r="C25" s="2" t="s">
        <v>1851</v>
      </c>
      <c r="D25" s="2" t="s">
        <v>1851</v>
      </c>
      <c r="E25" s="2" t="s">
        <v>2638</v>
      </c>
      <c r="F25" s="2" t="s">
        <v>2639</v>
      </c>
    </row>
    <row r="26" spans="1:6" x14ac:dyDescent="0.25">
      <c r="A26" s="4" t="s">
        <v>85</v>
      </c>
      <c r="B26" s="6" t="s">
        <v>2640</v>
      </c>
      <c r="C26" s="2" t="s">
        <v>1856</v>
      </c>
      <c r="D26" s="2" t="s">
        <v>1856</v>
      </c>
      <c r="E26" s="2" t="s">
        <v>2641</v>
      </c>
      <c r="F26" s="2" t="s">
        <v>2642</v>
      </c>
    </row>
    <row r="27" spans="1:6" x14ac:dyDescent="0.25">
      <c r="A27" s="4" t="s">
        <v>87</v>
      </c>
      <c r="B27" s="6" t="s">
        <v>2643</v>
      </c>
      <c r="C27" s="2" t="s">
        <v>1871</v>
      </c>
      <c r="D27" s="2" t="s">
        <v>1871</v>
      </c>
      <c r="E27" s="2" t="s">
        <v>2644</v>
      </c>
      <c r="F27" s="2" t="s">
        <v>2645</v>
      </c>
    </row>
    <row r="28" spans="1:6" x14ac:dyDescent="0.25">
      <c r="A28" s="4" t="s">
        <v>93</v>
      </c>
      <c r="B28" s="6" t="s">
        <v>2646</v>
      </c>
      <c r="C28" s="2" t="s">
        <v>51</v>
      </c>
      <c r="D28" s="2" t="s">
        <v>51</v>
      </c>
      <c r="E28" s="2" t="s">
        <v>51</v>
      </c>
      <c r="F28" s="2" t="s">
        <v>51</v>
      </c>
    </row>
    <row r="29" spans="1:6" x14ac:dyDescent="0.25">
      <c r="A29" s="5" t="s">
        <v>95</v>
      </c>
      <c r="B29" s="7" t="s">
        <v>2647</v>
      </c>
      <c r="C29" s="3" t="s">
        <v>2648</v>
      </c>
      <c r="D29" s="3" t="s">
        <v>2648</v>
      </c>
      <c r="E29" s="3" t="s">
        <v>2649</v>
      </c>
      <c r="F29" s="3" t="s">
        <v>2650</v>
      </c>
    </row>
    <row r="30" spans="1:6" x14ac:dyDescent="0.25">
      <c r="A30" s="4" t="s">
        <v>101</v>
      </c>
      <c r="B30" s="6" t="s">
        <v>2651</v>
      </c>
      <c r="C30" s="2" t="s">
        <v>2652</v>
      </c>
      <c r="D30" s="2" t="s">
        <v>2652</v>
      </c>
      <c r="E30" s="2" t="s">
        <v>2653</v>
      </c>
      <c r="F30" s="2" t="s">
        <v>2596</v>
      </c>
    </row>
    <row r="31" spans="1:6" x14ac:dyDescent="0.25">
      <c r="A31" s="4" t="s">
        <v>103</v>
      </c>
      <c r="B31" s="6" t="s">
        <v>2654</v>
      </c>
      <c r="C31" s="2" t="s">
        <v>2655</v>
      </c>
      <c r="D31" s="2" t="s">
        <v>2655</v>
      </c>
      <c r="E31" s="2" t="s">
        <v>2656</v>
      </c>
      <c r="F31" s="2" t="s">
        <v>2622</v>
      </c>
    </row>
    <row r="32" spans="1:6" x14ac:dyDescent="0.25">
      <c r="A32" s="4" t="s">
        <v>105</v>
      </c>
      <c r="B32" s="6" t="s">
        <v>2657</v>
      </c>
      <c r="C32" s="2" t="s">
        <v>2658</v>
      </c>
      <c r="D32" s="2" t="s">
        <v>2658</v>
      </c>
      <c r="E32" s="2" t="s">
        <v>2659</v>
      </c>
      <c r="F32" s="2" t="s">
        <v>2645</v>
      </c>
    </row>
    <row r="33" spans="1:6" x14ac:dyDescent="0.25">
      <c r="A33" s="5" t="s">
        <v>107</v>
      </c>
      <c r="B33" s="7" t="s">
        <v>2660</v>
      </c>
      <c r="C33" s="3" t="s">
        <v>2661</v>
      </c>
      <c r="D33" s="3" t="s">
        <v>2661</v>
      </c>
      <c r="E33" s="3" t="s">
        <v>2662</v>
      </c>
      <c r="F33" s="3" t="s">
        <v>2663</v>
      </c>
    </row>
    <row r="35" spans="1:6" x14ac:dyDescent="0.25">
      <c r="A35" s="11" t="s">
        <v>6</v>
      </c>
      <c r="B35" s="11" t="s">
        <v>2664</v>
      </c>
      <c r="C35" s="11" t="s">
        <v>9</v>
      </c>
      <c r="D35" s="11" t="s">
        <v>10</v>
      </c>
      <c r="E35" s="11" t="s">
        <v>11</v>
      </c>
      <c r="F35" s="11" t="s">
        <v>11</v>
      </c>
    </row>
    <row r="36" spans="1:6" ht="31.5" x14ac:dyDescent="0.25">
      <c r="A36" s="11" t="s">
        <v>7</v>
      </c>
      <c r="B36" s="11" t="s">
        <v>7</v>
      </c>
      <c r="C36" s="11" t="s">
        <v>7</v>
      </c>
      <c r="D36" s="11" t="s">
        <v>7</v>
      </c>
      <c r="E36" s="1" t="s">
        <v>634</v>
      </c>
      <c r="F36" s="1" t="s">
        <v>2589</v>
      </c>
    </row>
    <row r="37" spans="1:6" x14ac:dyDescent="0.25">
      <c r="A37" s="4" t="s">
        <v>113</v>
      </c>
      <c r="B37" s="6" t="s">
        <v>2665</v>
      </c>
      <c r="C37" s="2" t="s">
        <v>51</v>
      </c>
      <c r="D37" s="2" t="s">
        <v>51</v>
      </c>
      <c r="E37" s="2" t="s">
        <v>51</v>
      </c>
      <c r="F37" s="2" t="s">
        <v>51</v>
      </c>
    </row>
    <row r="38" spans="1:6" x14ac:dyDescent="0.25">
      <c r="A38" s="5" t="s">
        <v>119</v>
      </c>
      <c r="B38" s="7" t="s">
        <v>2666</v>
      </c>
      <c r="C38" s="3" t="s">
        <v>2667</v>
      </c>
      <c r="D38" s="3" t="s">
        <v>2667</v>
      </c>
      <c r="E38" s="3" t="s">
        <v>2668</v>
      </c>
      <c r="F38" s="3" t="s">
        <v>2669</v>
      </c>
    </row>
    <row r="39" spans="1:6" x14ac:dyDescent="0.25">
      <c r="A39" s="4" t="s">
        <v>125</v>
      </c>
      <c r="B39" s="6" t="s">
        <v>2670</v>
      </c>
      <c r="C39" s="2" t="s">
        <v>2671</v>
      </c>
      <c r="D39" s="2" t="s">
        <v>2671</v>
      </c>
      <c r="E39" s="2" t="s">
        <v>2672</v>
      </c>
      <c r="F39" s="2" t="s">
        <v>2673</v>
      </c>
    </row>
    <row r="40" spans="1:6" x14ac:dyDescent="0.25">
      <c r="A40" s="4" t="s">
        <v>131</v>
      </c>
      <c r="B40" s="6" t="s">
        <v>2674</v>
      </c>
      <c r="C40" s="2" t="s">
        <v>1125</v>
      </c>
      <c r="D40" s="2" t="s">
        <v>1125</v>
      </c>
      <c r="E40" s="2" t="s">
        <v>51</v>
      </c>
      <c r="F40" s="2" t="s">
        <v>51</v>
      </c>
    </row>
    <row r="41" spans="1:6" x14ac:dyDescent="0.25">
      <c r="A41" s="4" t="s">
        <v>133</v>
      </c>
      <c r="B41" s="6" t="s">
        <v>2675</v>
      </c>
      <c r="C41" s="2" t="s">
        <v>2676</v>
      </c>
      <c r="D41" s="2" t="s">
        <v>2676</v>
      </c>
      <c r="E41" s="2" t="s">
        <v>51</v>
      </c>
      <c r="F41" s="2" t="s">
        <v>51</v>
      </c>
    </row>
    <row r="42" spans="1:6" x14ac:dyDescent="0.25">
      <c r="A42" s="4" t="s">
        <v>139</v>
      </c>
      <c r="B42" s="6" t="s">
        <v>2677</v>
      </c>
      <c r="C42" s="2" t="s">
        <v>1509</v>
      </c>
      <c r="D42" s="2" t="s">
        <v>1509</v>
      </c>
      <c r="E42" s="2" t="s">
        <v>51</v>
      </c>
      <c r="F42" s="2" t="s">
        <v>51</v>
      </c>
    </row>
    <row r="43" spans="1:6" x14ac:dyDescent="0.25">
      <c r="A43" s="4" t="s">
        <v>145</v>
      </c>
      <c r="B43" s="6" t="s">
        <v>2678</v>
      </c>
      <c r="C43" s="2" t="s">
        <v>2679</v>
      </c>
      <c r="D43" s="2" t="s">
        <v>2679</v>
      </c>
      <c r="E43" s="2" t="s">
        <v>51</v>
      </c>
      <c r="F43" s="2" t="s">
        <v>51</v>
      </c>
    </row>
    <row r="44" spans="1:6" x14ac:dyDescent="0.25">
      <c r="A44" s="4" t="s">
        <v>151</v>
      </c>
      <c r="B44" s="6" t="s">
        <v>2680</v>
      </c>
      <c r="C44" s="2" t="s">
        <v>2681</v>
      </c>
      <c r="D44" s="2" t="s">
        <v>2681</v>
      </c>
      <c r="E44" s="2" t="s">
        <v>2682</v>
      </c>
      <c r="F44" s="2" t="s">
        <v>2683</v>
      </c>
    </row>
    <row r="45" spans="1:6" x14ac:dyDescent="0.25">
      <c r="A45" s="5" t="s">
        <v>153</v>
      </c>
      <c r="B45" s="7" t="s">
        <v>2684</v>
      </c>
      <c r="C45" s="3" t="s">
        <v>2685</v>
      </c>
      <c r="D45" s="3" t="s">
        <v>2685</v>
      </c>
      <c r="E45" s="3" t="s">
        <v>2686</v>
      </c>
      <c r="F45" s="3" t="s">
        <v>2687</v>
      </c>
    </row>
    <row r="46" spans="1:6" x14ac:dyDescent="0.25">
      <c r="A46" s="4" t="s">
        <v>156</v>
      </c>
      <c r="B46" s="6" t="s">
        <v>2688</v>
      </c>
      <c r="C46" s="2" t="s">
        <v>2685</v>
      </c>
      <c r="D46" s="2" t="s">
        <v>2685</v>
      </c>
      <c r="E46" s="2" t="s">
        <v>2686</v>
      </c>
      <c r="F46" s="2" t="s">
        <v>2687</v>
      </c>
    </row>
    <row r="47" spans="1:6" x14ac:dyDescent="0.25">
      <c r="A47" s="4" t="s">
        <v>162</v>
      </c>
      <c r="B47" s="6" t="s">
        <v>2689</v>
      </c>
      <c r="C47" s="2" t="s">
        <v>51</v>
      </c>
      <c r="D47" s="2" t="s">
        <v>51</v>
      </c>
      <c r="E47" s="2" t="s">
        <v>51</v>
      </c>
      <c r="F47" s="2" t="s">
        <v>51</v>
      </c>
    </row>
    <row r="48" spans="1:6" x14ac:dyDescent="0.25">
      <c r="A48" s="4" t="s">
        <v>168</v>
      </c>
      <c r="B48" s="6" t="s">
        <v>2690</v>
      </c>
      <c r="C48" s="2" t="s">
        <v>51</v>
      </c>
      <c r="D48" s="2" t="s">
        <v>51</v>
      </c>
      <c r="E48" s="2" t="s">
        <v>51</v>
      </c>
      <c r="F48" s="2" t="s">
        <v>51</v>
      </c>
    </row>
    <row r="49" spans="1:6" x14ac:dyDescent="0.25">
      <c r="A49" s="4" t="s">
        <v>171</v>
      </c>
      <c r="B49" s="6" t="s">
        <v>2691</v>
      </c>
      <c r="C49" s="2" t="s">
        <v>51</v>
      </c>
      <c r="D49" s="2" t="s">
        <v>51</v>
      </c>
      <c r="E49" s="2" t="s">
        <v>51</v>
      </c>
      <c r="F49" s="2" t="s">
        <v>51</v>
      </c>
    </row>
    <row r="50" spans="1:6" x14ac:dyDescent="0.25">
      <c r="A50" s="5" t="s">
        <v>173</v>
      </c>
      <c r="B50" s="7" t="s">
        <v>2692</v>
      </c>
      <c r="C50" s="3" t="s">
        <v>2693</v>
      </c>
      <c r="D50" s="3" t="s">
        <v>2693</v>
      </c>
      <c r="E50" s="3" t="s">
        <v>2694</v>
      </c>
      <c r="F50" s="3" t="s">
        <v>2695</v>
      </c>
    </row>
    <row r="52" spans="1:6" x14ac:dyDescent="0.25">
      <c r="A52" s="11" t="s">
        <v>6</v>
      </c>
      <c r="B52" s="11" t="s">
        <v>2696</v>
      </c>
      <c r="C52" s="11" t="s">
        <v>9</v>
      </c>
      <c r="D52" s="11" t="s">
        <v>10</v>
      </c>
      <c r="E52" s="11" t="s">
        <v>11</v>
      </c>
      <c r="F52" s="11" t="s">
        <v>11</v>
      </c>
    </row>
    <row r="53" spans="1:6" ht="31.5" x14ac:dyDescent="0.25">
      <c r="A53" s="11" t="s">
        <v>7</v>
      </c>
      <c r="B53" s="11" t="s">
        <v>7</v>
      </c>
      <c r="C53" s="11" t="s">
        <v>7</v>
      </c>
      <c r="D53" s="11" t="s">
        <v>7</v>
      </c>
      <c r="E53" s="1" t="s">
        <v>634</v>
      </c>
      <c r="F53" s="1" t="s">
        <v>2589</v>
      </c>
    </row>
    <row r="54" spans="1:6" x14ac:dyDescent="0.25">
      <c r="A54" s="5" t="s">
        <v>175</v>
      </c>
      <c r="B54" s="7" t="s">
        <v>2697</v>
      </c>
      <c r="C54" s="3" t="s">
        <v>2698</v>
      </c>
      <c r="D54" s="3" t="s">
        <v>2698</v>
      </c>
      <c r="E54" s="3" t="s">
        <v>2699</v>
      </c>
      <c r="F54" s="3" t="s">
        <v>2700</v>
      </c>
    </row>
    <row r="55" spans="1:6" x14ac:dyDescent="0.25">
      <c r="A55" s="4" t="s">
        <v>181</v>
      </c>
      <c r="B55" s="6" t="s">
        <v>2701</v>
      </c>
      <c r="C55" s="2" t="s">
        <v>2702</v>
      </c>
      <c r="D55" s="2" t="s">
        <v>2702</v>
      </c>
      <c r="E55" s="2" t="s">
        <v>2703</v>
      </c>
      <c r="F55" s="2" t="s">
        <v>2596</v>
      </c>
    </row>
    <row r="56" spans="1:6" x14ac:dyDescent="0.25">
      <c r="A56" s="4" t="s">
        <v>187</v>
      </c>
      <c r="B56" s="6" t="s">
        <v>2704</v>
      </c>
      <c r="C56" s="2" t="s">
        <v>2705</v>
      </c>
      <c r="D56" s="2" t="s">
        <v>2705</v>
      </c>
      <c r="E56" s="2" t="s">
        <v>2706</v>
      </c>
      <c r="F56" s="2" t="s">
        <v>2611</v>
      </c>
    </row>
    <row r="57" spans="1:6" x14ac:dyDescent="0.25">
      <c r="A57" s="4" t="s">
        <v>193</v>
      </c>
      <c r="B57" s="6" t="s">
        <v>2707</v>
      </c>
      <c r="C57" s="2" t="s">
        <v>2708</v>
      </c>
      <c r="D57" s="2" t="s">
        <v>2708</v>
      </c>
      <c r="E57" s="2" t="s">
        <v>2709</v>
      </c>
      <c r="F57" s="2" t="s">
        <v>2622</v>
      </c>
    </row>
    <row r="58" spans="1:6" x14ac:dyDescent="0.25">
      <c r="A58" s="4" t="s">
        <v>195</v>
      </c>
      <c r="B58" s="6" t="s">
        <v>2710</v>
      </c>
      <c r="C58" s="2" t="s">
        <v>2711</v>
      </c>
      <c r="D58" s="2" t="s">
        <v>2711</v>
      </c>
      <c r="E58" s="2" t="s">
        <v>2712</v>
      </c>
      <c r="F58" s="2" t="s">
        <v>2639</v>
      </c>
    </row>
    <row r="59" spans="1:6" x14ac:dyDescent="0.25">
      <c r="A59" s="4" t="s">
        <v>201</v>
      </c>
      <c r="B59" s="6" t="s">
        <v>2713</v>
      </c>
      <c r="C59" s="2" t="s">
        <v>2714</v>
      </c>
      <c r="D59" s="2" t="s">
        <v>2714</v>
      </c>
      <c r="E59" s="2" t="s">
        <v>2715</v>
      </c>
      <c r="F59" s="2" t="s">
        <v>2642</v>
      </c>
    </row>
    <row r="60" spans="1:6" x14ac:dyDescent="0.25">
      <c r="A60" s="4" t="s">
        <v>207</v>
      </c>
      <c r="B60" s="6" t="s">
        <v>2716</v>
      </c>
      <c r="C60" s="2" t="s">
        <v>2717</v>
      </c>
      <c r="D60" s="2" t="s">
        <v>2717</v>
      </c>
      <c r="E60" s="2" t="s">
        <v>2718</v>
      </c>
      <c r="F60" s="2" t="s">
        <v>2645</v>
      </c>
    </row>
    <row r="61" spans="1:6" x14ac:dyDescent="0.25">
      <c r="A61" s="5" t="s">
        <v>209</v>
      </c>
      <c r="B61" s="7" t="s">
        <v>2719</v>
      </c>
      <c r="C61" s="3" t="s">
        <v>2720</v>
      </c>
      <c r="D61" s="3" t="s">
        <v>2720</v>
      </c>
      <c r="E61" s="3" t="s">
        <v>2721</v>
      </c>
      <c r="F61" s="3" t="s">
        <v>166</v>
      </c>
    </row>
    <row r="62" spans="1:6" x14ac:dyDescent="0.25">
      <c r="A62" s="4" t="s">
        <v>211</v>
      </c>
      <c r="B62" s="6" t="s">
        <v>2722</v>
      </c>
      <c r="C62" s="2" t="s">
        <v>164</v>
      </c>
      <c r="D62" s="2" t="s">
        <v>164</v>
      </c>
      <c r="E62" s="2" t="s">
        <v>165</v>
      </c>
      <c r="F62" s="2" t="s">
        <v>166</v>
      </c>
    </row>
    <row r="63" spans="1:6" x14ac:dyDescent="0.25">
      <c r="A63" s="4" t="s">
        <v>213</v>
      </c>
      <c r="B63" s="6" t="s">
        <v>2723</v>
      </c>
      <c r="C63" s="2" t="s">
        <v>51</v>
      </c>
      <c r="D63" s="2" t="s">
        <v>51</v>
      </c>
      <c r="E63" s="2" t="s">
        <v>51</v>
      </c>
      <c r="F63" s="2" t="s">
        <v>51</v>
      </c>
    </row>
    <row r="64" spans="1:6" x14ac:dyDescent="0.25">
      <c r="A64" s="4" t="s">
        <v>219</v>
      </c>
      <c r="B64" s="6" t="s">
        <v>2724</v>
      </c>
      <c r="C64" s="2" t="s">
        <v>2725</v>
      </c>
      <c r="D64" s="2" t="s">
        <v>2725</v>
      </c>
      <c r="E64" s="2" t="s">
        <v>2726</v>
      </c>
      <c r="F64" s="2" t="s">
        <v>2727</v>
      </c>
    </row>
    <row r="65" spans="1:8" x14ac:dyDescent="0.25">
      <c r="A65" s="4" t="s">
        <v>224</v>
      </c>
      <c r="B65" s="6" t="s">
        <v>2728</v>
      </c>
      <c r="C65" s="2" t="s">
        <v>2729</v>
      </c>
      <c r="D65" s="2" t="s">
        <v>2729</v>
      </c>
      <c r="E65" s="2" t="s">
        <v>2730</v>
      </c>
      <c r="F65" s="2" t="s">
        <v>2608</v>
      </c>
    </row>
    <row r="67" spans="1:8" x14ac:dyDescent="0.25">
      <c r="A67" s="11" t="s">
        <v>6</v>
      </c>
      <c r="B67" s="11" t="s">
        <v>2731</v>
      </c>
      <c r="C67" s="11" t="s">
        <v>632</v>
      </c>
      <c r="D67" s="11" t="s">
        <v>2732</v>
      </c>
      <c r="E67" s="11" t="s">
        <v>318</v>
      </c>
      <c r="F67" s="11" t="s">
        <v>7</v>
      </c>
      <c r="G67" s="11" t="s">
        <v>322</v>
      </c>
      <c r="H67" s="11" t="s">
        <v>322</v>
      </c>
    </row>
    <row r="68" spans="1:8" ht="31.5" x14ac:dyDescent="0.25">
      <c r="A68" s="11" t="s">
        <v>7</v>
      </c>
      <c r="B68" s="11" t="s">
        <v>7</v>
      </c>
      <c r="C68" s="11" t="s">
        <v>7</v>
      </c>
      <c r="D68" s="11" t="s">
        <v>7</v>
      </c>
      <c r="E68" s="1" t="s">
        <v>2733</v>
      </c>
      <c r="F68" s="1" t="s">
        <v>2734</v>
      </c>
      <c r="G68" s="1" t="s">
        <v>2735</v>
      </c>
      <c r="H68" s="1" t="s">
        <v>2736</v>
      </c>
    </row>
    <row r="69" spans="1:8" x14ac:dyDescent="0.25">
      <c r="A69" s="5" t="s">
        <v>228</v>
      </c>
      <c r="B69" s="7" t="s">
        <v>2737</v>
      </c>
      <c r="C69" s="3" t="s">
        <v>2738</v>
      </c>
      <c r="D69" s="3" t="s">
        <v>2738</v>
      </c>
      <c r="E69" s="3" t="s">
        <v>2739</v>
      </c>
      <c r="F69" s="3" t="s">
        <v>2740</v>
      </c>
      <c r="G69" s="3" t="s">
        <v>2741</v>
      </c>
      <c r="H69" s="3" t="s">
        <v>2742</v>
      </c>
    </row>
    <row r="70" spans="1:8" x14ac:dyDescent="0.25">
      <c r="A70" s="4" t="s">
        <v>230</v>
      </c>
      <c r="B70" s="6" t="s">
        <v>2743</v>
      </c>
      <c r="C70" s="2" t="s">
        <v>2744</v>
      </c>
      <c r="D70" s="2" t="s">
        <v>2744</v>
      </c>
      <c r="E70" s="2" t="s">
        <v>2745</v>
      </c>
      <c r="F70" s="2" t="s">
        <v>2740</v>
      </c>
      <c r="G70" s="2" t="s">
        <v>2746</v>
      </c>
      <c r="H70" s="2" t="s">
        <v>2742</v>
      </c>
    </row>
    <row r="71" spans="1:8" x14ac:dyDescent="0.25">
      <c r="A71" s="4" t="s">
        <v>236</v>
      </c>
      <c r="B71" s="6" t="s">
        <v>2747</v>
      </c>
      <c r="C71" s="2" t="s">
        <v>2748</v>
      </c>
      <c r="D71" s="2" t="s">
        <v>2748</v>
      </c>
      <c r="E71" s="2" t="s">
        <v>2749</v>
      </c>
      <c r="F71" s="2" t="s">
        <v>2740</v>
      </c>
      <c r="G71" s="2" t="s">
        <v>2750</v>
      </c>
      <c r="H71" s="2" t="s">
        <v>2742</v>
      </c>
    </row>
    <row r="72" spans="1:8" x14ac:dyDescent="0.25">
      <c r="A72" s="5" t="s">
        <v>242</v>
      </c>
      <c r="B72" s="7" t="s">
        <v>2751</v>
      </c>
      <c r="C72" s="3" t="s">
        <v>2752</v>
      </c>
      <c r="D72" s="3" t="s">
        <v>2752</v>
      </c>
      <c r="E72" s="3" t="s">
        <v>2753</v>
      </c>
      <c r="F72" s="3" t="s">
        <v>1559</v>
      </c>
      <c r="G72" s="3" t="s">
        <v>2753</v>
      </c>
      <c r="H72" s="3" t="s">
        <v>1559</v>
      </c>
    </row>
    <row r="73" spans="1:8" x14ac:dyDescent="0.25">
      <c r="A73" s="4" t="s">
        <v>247</v>
      </c>
      <c r="B73" s="6" t="s">
        <v>2754</v>
      </c>
      <c r="C73" s="2" t="s">
        <v>2752</v>
      </c>
      <c r="D73" s="2" t="s">
        <v>2752</v>
      </c>
      <c r="E73" s="2" t="s">
        <v>2753</v>
      </c>
      <c r="F73" s="2" t="s">
        <v>1559</v>
      </c>
      <c r="G73" s="2" t="s">
        <v>2753</v>
      </c>
      <c r="H73" s="2" t="s">
        <v>1559</v>
      </c>
    </row>
    <row r="74" spans="1:8" x14ac:dyDescent="0.25">
      <c r="A74" s="4" t="s">
        <v>252</v>
      </c>
      <c r="B74" s="6" t="s">
        <v>2755</v>
      </c>
      <c r="C74" s="2" t="s">
        <v>51</v>
      </c>
      <c r="D74" s="2" t="s">
        <v>51</v>
      </c>
      <c r="E74" s="2" t="s">
        <v>51</v>
      </c>
      <c r="F74" s="2" t="s">
        <v>51</v>
      </c>
      <c r="G74" s="2" t="s">
        <v>51</v>
      </c>
      <c r="H74" s="2" t="s">
        <v>51</v>
      </c>
    </row>
    <row r="75" spans="1:8" x14ac:dyDescent="0.25">
      <c r="A75" s="5" t="s">
        <v>253</v>
      </c>
      <c r="B75" s="7" t="s">
        <v>2756</v>
      </c>
      <c r="C75" s="3" t="s">
        <v>2720</v>
      </c>
      <c r="D75" s="3" t="s">
        <v>2720</v>
      </c>
      <c r="E75" s="3" t="s">
        <v>2757</v>
      </c>
      <c r="F75" s="3" t="s">
        <v>2758</v>
      </c>
      <c r="G75" s="3" t="s">
        <v>2759</v>
      </c>
      <c r="H75" s="3" t="s">
        <v>2760</v>
      </c>
    </row>
    <row r="77" spans="1:8" x14ac:dyDescent="0.25">
      <c r="A77" s="11" t="s">
        <v>6</v>
      </c>
      <c r="B77" s="11" t="s">
        <v>2761</v>
      </c>
      <c r="C77" s="11" t="s">
        <v>2378</v>
      </c>
    </row>
    <row r="78" spans="1:8" x14ac:dyDescent="0.25">
      <c r="A78" s="11" t="s">
        <v>7</v>
      </c>
      <c r="B78" s="11" t="s">
        <v>7</v>
      </c>
      <c r="C78" s="11" t="s">
        <v>7</v>
      </c>
    </row>
    <row r="79" spans="1:8" x14ac:dyDescent="0.25">
      <c r="A79" s="5" t="s">
        <v>258</v>
      </c>
      <c r="B79" s="7" t="s">
        <v>2762</v>
      </c>
      <c r="C79" s="3" t="s">
        <v>51</v>
      </c>
    </row>
    <row r="80" spans="1:8" x14ac:dyDescent="0.25">
      <c r="A80" s="4" t="s">
        <v>259</v>
      </c>
      <c r="B80" s="6" t="s">
        <v>2763</v>
      </c>
      <c r="C80" s="2" t="s">
        <v>51</v>
      </c>
    </row>
    <row r="81" spans="1:3" x14ac:dyDescent="0.25">
      <c r="A81" s="4" t="s">
        <v>261</v>
      </c>
      <c r="B81" s="6" t="s">
        <v>2764</v>
      </c>
      <c r="C81" s="2" t="s">
        <v>51</v>
      </c>
    </row>
    <row r="82" spans="1:3" x14ac:dyDescent="0.25">
      <c r="A82" s="5" t="s">
        <v>263</v>
      </c>
      <c r="B82" s="7" t="s">
        <v>2765</v>
      </c>
      <c r="C82" s="3" t="s">
        <v>51</v>
      </c>
    </row>
    <row r="83" spans="1:3" x14ac:dyDescent="0.25">
      <c r="A83" s="4" t="s">
        <v>264</v>
      </c>
      <c r="B83" s="6" t="s">
        <v>2766</v>
      </c>
      <c r="C83" s="2" t="s">
        <v>51</v>
      </c>
    </row>
    <row r="84" spans="1:3" x14ac:dyDescent="0.25">
      <c r="A84" s="4" t="s">
        <v>267</v>
      </c>
      <c r="B84" s="6" t="s">
        <v>2767</v>
      </c>
      <c r="C84" s="2" t="s">
        <v>51</v>
      </c>
    </row>
    <row r="85" spans="1:3" x14ac:dyDescent="0.25">
      <c r="A85" s="5" t="s">
        <v>269</v>
      </c>
      <c r="B85" s="7" t="s">
        <v>2768</v>
      </c>
      <c r="C85" s="3" t="s">
        <v>51</v>
      </c>
    </row>
    <row r="87" spans="1:3" x14ac:dyDescent="0.25">
      <c r="A87" s="11" t="s">
        <v>6</v>
      </c>
      <c r="B87" s="11" t="s">
        <v>2769</v>
      </c>
      <c r="C87" s="11" t="s">
        <v>2378</v>
      </c>
    </row>
    <row r="88" spans="1:3" x14ac:dyDescent="0.25">
      <c r="A88" s="11" t="s">
        <v>7</v>
      </c>
      <c r="B88" s="11" t="s">
        <v>7</v>
      </c>
      <c r="C88" s="11" t="s">
        <v>7</v>
      </c>
    </row>
    <row r="89" spans="1:3" x14ac:dyDescent="0.25">
      <c r="A89" s="4" t="s">
        <v>271</v>
      </c>
      <c r="B89" s="6" t="s">
        <v>2770</v>
      </c>
      <c r="C89" s="2" t="s">
        <v>2759</v>
      </c>
    </row>
    <row r="90" spans="1:3" x14ac:dyDescent="0.25">
      <c r="A90" s="4" t="s">
        <v>273</v>
      </c>
      <c r="B90" s="6" t="s">
        <v>2771</v>
      </c>
      <c r="C90" s="2" t="s">
        <v>2772</v>
      </c>
    </row>
    <row r="91" spans="1:3" x14ac:dyDescent="0.25">
      <c r="A91" s="4" t="s">
        <v>275</v>
      </c>
      <c r="B91" s="6" t="s">
        <v>2773</v>
      </c>
      <c r="C91" s="2" t="s">
        <v>714</v>
      </c>
    </row>
    <row r="92" spans="1:3" x14ac:dyDescent="0.25">
      <c r="A92" s="4" t="s">
        <v>282</v>
      </c>
      <c r="B92" s="6" t="s">
        <v>2774</v>
      </c>
      <c r="C92" s="2" t="s">
        <v>2775</v>
      </c>
    </row>
    <row r="94" spans="1:3" x14ac:dyDescent="0.25">
      <c r="A94" s="11" t="s">
        <v>6</v>
      </c>
      <c r="B94" s="11" t="s">
        <v>2776</v>
      </c>
      <c r="C94" s="11" t="s">
        <v>2378</v>
      </c>
    </row>
    <row r="95" spans="1:3" x14ac:dyDescent="0.25">
      <c r="A95" s="11" t="s">
        <v>7</v>
      </c>
      <c r="B95" s="11" t="s">
        <v>7</v>
      </c>
      <c r="C95" s="11" t="s">
        <v>7</v>
      </c>
    </row>
    <row r="96" spans="1:3" x14ac:dyDescent="0.25">
      <c r="A96" s="4" t="s">
        <v>289</v>
      </c>
      <c r="B96" s="6" t="s">
        <v>2777</v>
      </c>
      <c r="C96" s="2" t="s">
        <v>51</v>
      </c>
    </row>
    <row r="97" spans="1:8" x14ac:dyDescent="0.25">
      <c r="A97" s="4" t="s">
        <v>291</v>
      </c>
      <c r="B97" s="6" t="s">
        <v>2778</v>
      </c>
      <c r="C97" s="2" t="s">
        <v>51</v>
      </c>
    </row>
    <row r="99" spans="1:8" x14ac:dyDescent="0.25">
      <c r="A99" s="11" t="s">
        <v>6</v>
      </c>
      <c r="B99" s="11" t="s">
        <v>2779</v>
      </c>
      <c r="C99" s="11" t="s">
        <v>632</v>
      </c>
      <c r="D99" s="11" t="s">
        <v>2732</v>
      </c>
      <c r="E99" s="11" t="s">
        <v>318</v>
      </c>
      <c r="F99" s="11" t="s">
        <v>7</v>
      </c>
      <c r="G99" s="11" t="s">
        <v>322</v>
      </c>
      <c r="H99" s="11" t="s">
        <v>322</v>
      </c>
    </row>
    <row r="100" spans="1:8" ht="31.5" x14ac:dyDescent="0.25">
      <c r="A100" s="11" t="s">
        <v>7</v>
      </c>
      <c r="B100" s="11" t="s">
        <v>7</v>
      </c>
      <c r="C100" s="11" t="s">
        <v>7</v>
      </c>
      <c r="D100" s="11" t="s">
        <v>7</v>
      </c>
      <c r="E100" s="1" t="s">
        <v>2733</v>
      </c>
      <c r="F100" s="1" t="s">
        <v>2734</v>
      </c>
      <c r="G100" s="1" t="s">
        <v>2735</v>
      </c>
      <c r="H100" s="1" t="s">
        <v>2736</v>
      </c>
    </row>
    <row r="101" spans="1:8" x14ac:dyDescent="0.25">
      <c r="A101" s="5" t="s">
        <v>293</v>
      </c>
      <c r="B101" s="7" t="s">
        <v>2780</v>
      </c>
      <c r="C101" s="3" t="s">
        <v>1102</v>
      </c>
      <c r="D101" s="3" t="s">
        <v>1102</v>
      </c>
      <c r="E101" s="3" t="s">
        <v>51</v>
      </c>
      <c r="F101" s="3" t="s">
        <v>51</v>
      </c>
      <c r="G101" s="3" t="s">
        <v>51</v>
      </c>
      <c r="H101" s="3" t="s">
        <v>51</v>
      </c>
    </row>
    <row r="102" spans="1:8" x14ac:dyDescent="0.25">
      <c r="A102" s="4" t="s">
        <v>295</v>
      </c>
      <c r="B102" s="6" t="s">
        <v>2781</v>
      </c>
      <c r="C102" s="2" t="s">
        <v>1102</v>
      </c>
      <c r="D102" s="2" t="s">
        <v>1102</v>
      </c>
      <c r="E102" s="2" t="s">
        <v>51</v>
      </c>
      <c r="F102" s="2" t="s">
        <v>51</v>
      </c>
      <c r="G102" s="2" t="s">
        <v>51</v>
      </c>
      <c r="H102" s="2" t="s">
        <v>51</v>
      </c>
    </row>
    <row r="103" spans="1:8" x14ac:dyDescent="0.25">
      <c r="A103" s="4" t="s">
        <v>297</v>
      </c>
      <c r="B103" s="6" t="s">
        <v>2782</v>
      </c>
      <c r="C103" s="2" t="s">
        <v>51</v>
      </c>
      <c r="D103" s="2" t="s">
        <v>51</v>
      </c>
      <c r="E103" s="2" t="s">
        <v>51</v>
      </c>
      <c r="F103" s="2" t="s">
        <v>51</v>
      </c>
      <c r="G103" s="2" t="s">
        <v>51</v>
      </c>
      <c r="H103" s="2" t="s">
        <v>51</v>
      </c>
    </row>
    <row r="104" spans="1:8" x14ac:dyDescent="0.25">
      <c r="A104" s="5" t="s">
        <v>299</v>
      </c>
      <c r="B104" s="7" t="s">
        <v>2783</v>
      </c>
      <c r="C104" s="3" t="s">
        <v>2784</v>
      </c>
      <c r="D104" s="3" t="s">
        <v>2784</v>
      </c>
      <c r="E104" s="3" t="s">
        <v>2785</v>
      </c>
      <c r="F104" s="3" t="s">
        <v>2786</v>
      </c>
      <c r="G104" s="3" t="s">
        <v>2787</v>
      </c>
      <c r="H104" s="3" t="s">
        <v>2788</v>
      </c>
    </row>
    <row r="105" spans="1:8" x14ac:dyDescent="0.25">
      <c r="A105" s="4" t="s">
        <v>300</v>
      </c>
      <c r="B105" s="6" t="s">
        <v>2789</v>
      </c>
      <c r="C105" s="2" t="s">
        <v>2790</v>
      </c>
      <c r="D105" s="2" t="s">
        <v>2790</v>
      </c>
      <c r="E105" s="2" t="s">
        <v>2791</v>
      </c>
      <c r="F105" s="2" t="s">
        <v>166</v>
      </c>
      <c r="G105" s="2" t="s">
        <v>2792</v>
      </c>
      <c r="H105" s="2" t="s">
        <v>2793</v>
      </c>
    </row>
    <row r="106" spans="1:8" x14ac:dyDescent="0.25">
      <c r="A106" s="4" t="s">
        <v>301</v>
      </c>
      <c r="B106" s="6" t="s">
        <v>2794</v>
      </c>
      <c r="C106" s="2" t="s">
        <v>2795</v>
      </c>
      <c r="D106" s="2" t="s">
        <v>2795</v>
      </c>
      <c r="E106" s="2" t="s">
        <v>996</v>
      </c>
      <c r="F106" s="2" t="s">
        <v>2796</v>
      </c>
      <c r="G106" s="2" t="s">
        <v>999</v>
      </c>
      <c r="H106" s="2" t="s">
        <v>2797</v>
      </c>
    </row>
    <row r="107" spans="1:8" x14ac:dyDescent="0.25">
      <c r="A107" s="5" t="s">
        <v>303</v>
      </c>
      <c r="B107" s="7" t="s">
        <v>2798</v>
      </c>
      <c r="C107" s="3" t="s">
        <v>2799</v>
      </c>
      <c r="D107" s="3" t="s">
        <v>2799</v>
      </c>
      <c r="E107" s="3" t="s">
        <v>2800</v>
      </c>
      <c r="F107" s="3" t="s">
        <v>2801</v>
      </c>
      <c r="G107" s="3" t="s">
        <v>2750</v>
      </c>
      <c r="H107" s="3" t="s">
        <v>2802</v>
      </c>
    </row>
    <row r="108" spans="1:8" x14ac:dyDescent="0.25">
      <c r="A108" s="4" t="s">
        <v>305</v>
      </c>
      <c r="B108" s="6" t="s">
        <v>2803</v>
      </c>
      <c r="C108" s="2" t="s">
        <v>2748</v>
      </c>
      <c r="D108" s="2" t="s">
        <v>2748</v>
      </c>
      <c r="E108" s="2" t="s">
        <v>2749</v>
      </c>
      <c r="F108" s="2" t="s">
        <v>2740</v>
      </c>
      <c r="G108" s="2" t="s">
        <v>2750</v>
      </c>
      <c r="H108" s="2" t="s">
        <v>2742</v>
      </c>
    </row>
    <row r="109" spans="1:8" x14ac:dyDescent="0.25">
      <c r="A109" s="4" t="s">
        <v>307</v>
      </c>
      <c r="B109" s="6" t="s">
        <v>2804</v>
      </c>
      <c r="C109" s="2" t="s">
        <v>2805</v>
      </c>
      <c r="D109" s="2" t="s">
        <v>2805</v>
      </c>
      <c r="E109" s="2" t="s">
        <v>1003</v>
      </c>
      <c r="F109" s="2" t="s">
        <v>2806</v>
      </c>
      <c r="G109" s="2" t="s">
        <v>51</v>
      </c>
      <c r="H109" s="2" t="s">
        <v>51</v>
      </c>
    </row>
    <row r="110" spans="1:8" x14ac:dyDescent="0.25">
      <c r="A110" s="4" t="s">
        <v>309</v>
      </c>
      <c r="B110" s="6" t="s">
        <v>2807</v>
      </c>
      <c r="C110" s="2" t="s">
        <v>2808</v>
      </c>
      <c r="D110" s="2" t="s">
        <v>2809</v>
      </c>
      <c r="E110" s="2" t="s">
        <v>2810</v>
      </c>
      <c r="F110" s="2" t="s">
        <v>2811</v>
      </c>
      <c r="G110" s="2" t="s">
        <v>2812</v>
      </c>
      <c r="H110" s="2" t="s">
        <v>2813</v>
      </c>
    </row>
    <row r="111" spans="1:8" x14ac:dyDescent="0.25">
      <c r="A111" s="4" t="s">
        <v>311</v>
      </c>
      <c r="B111" s="6" t="s">
        <v>2814</v>
      </c>
      <c r="C111" s="2" t="s">
        <v>2815</v>
      </c>
      <c r="D111" s="2" t="s">
        <v>2815</v>
      </c>
      <c r="E111" s="2" t="s">
        <v>2816</v>
      </c>
      <c r="F111" s="2" t="s">
        <v>2817</v>
      </c>
      <c r="G111" s="2" t="s">
        <v>2818</v>
      </c>
      <c r="H111" s="2" t="s">
        <v>1478</v>
      </c>
    </row>
    <row r="112" spans="1:8" x14ac:dyDescent="0.25">
      <c r="A112" s="4" t="s">
        <v>313</v>
      </c>
      <c r="B112" s="6" t="s">
        <v>2819</v>
      </c>
      <c r="C112" s="2" t="s">
        <v>2820</v>
      </c>
      <c r="D112" s="2" t="s">
        <v>2821</v>
      </c>
      <c r="E112" s="2" t="s">
        <v>2822</v>
      </c>
      <c r="F112" s="2" t="s">
        <v>2823</v>
      </c>
      <c r="G112" s="2" t="s">
        <v>2824</v>
      </c>
      <c r="H112" s="2" t="s">
        <v>2825</v>
      </c>
    </row>
    <row r="113" spans="1:8" x14ac:dyDescent="0.25">
      <c r="A113" s="5" t="s">
        <v>326</v>
      </c>
      <c r="B113" s="7" t="s">
        <v>2826</v>
      </c>
      <c r="C113" s="3" t="s">
        <v>2827</v>
      </c>
      <c r="D113" s="3" t="s">
        <v>2828</v>
      </c>
      <c r="E113" s="3" t="s">
        <v>2829</v>
      </c>
      <c r="F113" s="3" t="s">
        <v>2830</v>
      </c>
      <c r="G113" s="3" t="s">
        <v>2831</v>
      </c>
      <c r="H113" s="3" t="s">
        <v>2832</v>
      </c>
    </row>
    <row r="115" spans="1:8" x14ac:dyDescent="0.25">
      <c r="A115" s="11" t="s">
        <v>6</v>
      </c>
      <c r="B115" s="11" t="s">
        <v>2833</v>
      </c>
      <c r="C115" s="11" t="s">
        <v>2378</v>
      </c>
    </row>
    <row r="116" spans="1:8" x14ac:dyDescent="0.25">
      <c r="A116" s="11" t="s">
        <v>7</v>
      </c>
      <c r="B116" s="11" t="s">
        <v>7</v>
      </c>
      <c r="C116" s="11" t="s">
        <v>7</v>
      </c>
    </row>
    <row r="117" spans="1:8" x14ac:dyDescent="0.25">
      <c r="A117" s="4" t="s">
        <v>335</v>
      </c>
      <c r="B117" s="6" t="s">
        <v>2834</v>
      </c>
      <c r="C117" s="2" t="s">
        <v>2730</v>
      </c>
    </row>
    <row r="118" spans="1:8" x14ac:dyDescent="0.25">
      <c r="A118" s="4" t="s">
        <v>344</v>
      </c>
      <c r="B118" s="6" t="s">
        <v>2835</v>
      </c>
      <c r="C118" s="2" t="s">
        <v>51</v>
      </c>
    </row>
    <row r="119" spans="1:8" x14ac:dyDescent="0.25">
      <c r="A119" s="4" t="s">
        <v>353</v>
      </c>
      <c r="B119" s="6" t="s">
        <v>2836</v>
      </c>
      <c r="C119" s="2" t="s">
        <v>51</v>
      </c>
    </row>
    <row r="120" spans="1:8" x14ac:dyDescent="0.25">
      <c r="A120" s="4" t="s">
        <v>361</v>
      </c>
      <c r="B120" s="6" t="s">
        <v>2837</v>
      </c>
      <c r="C120" s="2" t="s">
        <v>51</v>
      </c>
    </row>
    <row r="121" spans="1:8" x14ac:dyDescent="0.25">
      <c r="A121" s="4" t="s">
        <v>370</v>
      </c>
      <c r="B121" s="6" t="s">
        <v>2838</v>
      </c>
      <c r="C121" s="2" t="s">
        <v>51</v>
      </c>
    </row>
    <row r="122" spans="1:8" x14ac:dyDescent="0.25">
      <c r="A122" s="4" t="s">
        <v>377</v>
      </c>
      <c r="B122" s="6" t="s">
        <v>2839</v>
      </c>
      <c r="C122" s="2" t="s">
        <v>2840</v>
      </c>
    </row>
    <row r="123" spans="1:8" x14ac:dyDescent="0.25">
      <c r="A123" s="5" t="s">
        <v>386</v>
      </c>
      <c r="B123" s="7" t="s">
        <v>2841</v>
      </c>
      <c r="C123" s="3" t="s">
        <v>2842</v>
      </c>
    </row>
    <row r="124" spans="1:8" x14ac:dyDescent="0.25">
      <c r="A124" s="4" t="s">
        <v>395</v>
      </c>
      <c r="B124" s="6" t="s">
        <v>2843</v>
      </c>
      <c r="C124" s="2" t="s">
        <v>2844</v>
      </c>
    </row>
    <row r="125" spans="1:8" x14ac:dyDescent="0.25">
      <c r="A125" s="4" t="s">
        <v>404</v>
      </c>
      <c r="B125" s="6" t="s">
        <v>2845</v>
      </c>
      <c r="C125" s="2" t="s">
        <v>2846</v>
      </c>
    </row>
    <row r="127" spans="1:8" x14ac:dyDescent="0.25">
      <c r="A127" s="11" t="s">
        <v>6</v>
      </c>
      <c r="B127" s="11" t="s">
        <v>2847</v>
      </c>
      <c r="C127" s="11" t="s">
        <v>632</v>
      </c>
      <c r="D127" s="11" t="s">
        <v>2732</v>
      </c>
      <c r="E127" s="11" t="s">
        <v>318</v>
      </c>
      <c r="F127" s="11" t="s">
        <v>7</v>
      </c>
      <c r="G127" s="11" t="s">
        <v>322</v>
      </c>
      <c r="H127" s="11" t="s">
        <v>322</v>
      </c>
    </row>
    <row r="128" spans="1:8" ht="31.5" x14ac:dyDescent="0.25">
      <c r="A128" s="11" t="s">
        <v>7</v>
      </c>
      <c r="B128" s="11" t="s">
        <v>7</v>
      </c>
      <c r="C128" s="11" t="s">
        <v>7</v>
      </c>
      <c r="D128" s="11" t="s">
        <v>7</v>
      </c>
      <c r="E128" s="1" t="s">
        <v>2733</v>
      </c>
      <c r="F128" s="1" t="s">
        <v>2734</v>
      </c>
      <c r="G128" s="1" t="s">
        <v>2848</v>
      </c>
      <c r="H128" s="1" t="s">
        <v>2736</v>
      </c>
    </row>
    <row r="129" spans="1:8" x14ac:dyDescent="0.25">
      <c r="A129" s="4" t="s">
        <v>407</v>
      </c>
      <c r="B129" s="6" t="s">
        <v>2849</v>
      </c>
      <c r="C129" s="2" t="s">
        <v>51</v>
      </c>
      <c r="D129" s="2" t="s">
        <v>51</v>
      </c>
      <c r="E129" s="2" t="s">
        <v>51</v>
      </c>
      <c r="F129" s="2" t="s">
        <v>51</v>
      </c>
      <c r="G129" s="2" t="s">
        <v>51</v>
      </c>
      <c r="H129" s="2" t="s">
        <v>51</v>
      </c>
    </row>
    <row r="130" spans="1:8" x14ac:dyDescent="0.25">
      <c r="A130" s="4" t="s">
        <v>415</v>
      </c>
      <c r="B130" s="6" t="s">
        <v>2850</v>
      </c>
      <c r="C130" s="2" t="s">
        <v>2851</v>
      </c>
      <c r="D130" s="2" t="s">
        <v>2851</v>
      </c>
      <c r="E130" s="2" t="s">
        <v>2852</v>
      </c>
      <c r="F130" s="2" t="s">
        <v>2853</v>
      </c>
      <c r="G130" s="2" t="s">
        <v>2854</v>
      </c>
      <c r="H130" s="2" t="s">
        <v>2855</v>
      </c>
    </row>
    <row r="131" spans="1:8" x14ac:dyDescent="0.25">
      <c r="A131" s="4" t="s">
        <v>419</v>
      </c>
      <c r="B131" s="6" t="s">
        <v>2856</v>
      </c>
      <c r="C131" s="2" t="s">
        <v>51</v>
      </c>
      <c r="D131" s="2" t="s">
        <v>51</v>
      </c>
      <c r="E131" s="2" t="s">
        <v>51</v>
      </c>
      <c r="F131" s="2" t="s">
        <v>51</v>
      </c>
      <c r="G131" s="2" t="s">
        <v>51</v>
      </c>
      <c r="H131" s="2" t="s">
        <v>51</v>
      </c>
    </row>
    <row r="132" spans="1:8" x14ac:dyDescent="0.25">
      <c r="A132" s="4" t="s">
        <v>428</v>
      </c>
      <c r="B132" s="6" t="s">
        <v>2857</v>
      </c>
      <c r="C132" s="2" t="s">
        <v>2858</v>
      </c>
      <c r="D132" s="2" t="s">
        <v>2858</v>
      </c>
      <c r="E132" s="2" t="s">
        <v>2859</v>
      </c>
      <c r="F132" s="2" t="s">
        <v>2860</v>
      </c>
      <c r="G132" s="2" t="s">
        <v>2861</v>
      </c>
      <c r="H132" s="2" t="s">
        <v>2862</v>
      </c>
    </row>
    <row r="133" spans="1:8" x14ac:dyDescent="0.25">
      <c r="A133" s="5" t="s">
        <v>436</v>
      </c>
      <c r="B133" s="7" t="s">
        <v>2863</v>
      </c>
      <c r="C133" s="3" t="s">
        <v>2864</v>
      </c>
      <c r="D133" s="3" t="s">
        <v>2864</v>
      </c>
      <c r="E133" s="3" t="s">
        <v>2865</v>
      </c>
      <c r="F133" s="3" t="s">
        <v>2866</v>
      </c>
      <c r="G133" s="3" t="s">
        <v>2867</v>
      </c>
      <c r="H133" s="3" t="s">
        <v>2868</v>
      </c>
    </row>
    <row r="134" spans="1:8" x14ac:dyDescent="0.25">
      <c r="A134" s="4" t="s">
        <v>438</v>
      </c>
      <c r="B134" s="6" t="s">
        <v>2869</v>
      </c>
      <c r="C134" s="2" t="s">
        <v>2870</v>
      </c>
      <c r="D134" s="2" t="s">
        <v>2871</v>
      </c>
      <c r="E134" s="2" t="s">
        <v>2872</v>
      </c>
      <c r="F134" s="2" t="s">
        <v>2873</v>
      </c>
      <c r="G134" s="2" t="s">
        <v>2874</v>
      </c>
      <c r="H134" s="2" t="s">
        <v>2875</v>
      </c>
    </row>
    <row r="136" spans="1:8" x14ac:dyDescent="0.25">
      <c r="A136" s="11" t="s">
        <v>6</v>
      </c>
      <c r="B136" s="11" t="s">
        <v>2876</v>
      </c>
      <c r="C136" s="11" t="s">
        <v>2877</v>
      </c>
      <c r="D136" s="11" t="s">
        <v>2878</v>
      </c>
    </row>
    <row r="137" spans="1:8" x14ac:dyDescent="0.25">
      <c r="A137" s="11" t="s">
        <v>7</v>
      </c>
      <c r="B137" s="11" t="s">
        <v>7</v>
      </c>
      <c r="C137" s="11" t="s">
        <v>7</v>
      </c>
      <c r="D137" s="11" t="s">
        <v>7</v>
      </c>
    </row>
    <row r="138" spans="1:8" x14ac:dyDescent="0.25">
      <c r="A138" s="5" t="s">
        <v>440</v>
      </c>
      <c r="B138" s="7" t="s">
        <v>2879</v>
      </c>
      <c r="C138" s="3" t="s">
        <v>2880</v>
      </c>
      <c r="D138" s="3" t="s">
        <v>2840</v>
      </c>
    </row>
    <row r="139" spans="1:8" x14ac:dyDescent="0.25">
      <c r="A139" s="4" t="s">
        <v>442</v>
      </c>
      <c r="B139" s="6" t="s">
        <v>2881</v>
      </c>
      <c r="C139" s="2" t="s">
        <v>2882</v>
      </c>
      <c r="D139" s="2" t="s">
        <v>2883</v>
      </c>
    </row>
    <row r="140" spans="1:8" x14ac:dyDescent="0.25">
      <c r="A140" s="4" t="s">
        <v>444</v>
      </c>
      <c r="B140" s="6" t="s">
        <v>2884</v>
      </c>
      <c r="C140" s="2" t="s">
        <v>2885</v>
      </c>
      <c r="D140" s="2" t="s">
        <v>2886</v>
      </c>
    </row>
    <row r="142" spans="1:8" x14ac:dyDescent="0.25">
      <c r="A142" s="11" t="s">
        <v>6</v>
      </c>
      <c r="B142" s="11" t="s">
        <v>2887</v>
      </c>
      <c r="C142" s="11" t="s">
        <v>2888</v>
      </c>
      <c r="D142" s="11" t="s">
        <v>2889</v>
      </c>
    </row>
    <row r="143" spans="1:8" x14ac:dyDescent="0.25">
      <c r="A143" s="11" t="s">
        <v>7</v>
      </c>
      <c r="B143" s="11" t="s">
        <v>7</v>
      </c>
      <c r="C143" s="11" t="s">
        <v>7</v>
      </c>
      <c r="D143" s="11" t="s">
        <v>7</v>
      </c>
    </row>
    <row r="144" spans="1:8" x14ac:dyDescent="0.25">
      <c r="A144" s="4" t="s">
        <v>446</v>
      </c>
      <c r="B144" s="6" t="s">
        <v>2890</v>
      </c>
      <c r="C144" s="2" t="s">
        <v>2891</v>
      </c>
      <c r="D144" s="2" t="s">
        <v>2892</v>
      </c>
    </row>
    <row r="145" spans="1:4" x14ac:dyDescent="0.25">
      <c r="A145" s="4" t="s">
        <v>447</v>
      </c>
      <c r="B145" s="6" t="s">
        <v>2893</v>
      </c>
      <c r="C145" s="2" t="s">
        <v>165</v>
      </c>
      <c r="D145" s="2" t="s">
        <v>2894</v>
      </c>
    </row>
    <row r="146" spans="1:4" x14ac:dyDescent="0.25">
      <c r="A146" s="5" t="s">
        <v>448</v>
      </c>
      <c r="B146" s="7" t="s">
        <v>2895</v>
      </c>
      <c r="C146" s="3" t="s">
        <v>2896</v>
      </c>
      <c r="D146" s="3" t="s">
        <v>2897</v>
      </c>
    </row>
    <row r="147" spans="1:4" x14ac:dyDescent="0.25">
      <c r="A147" s="4" t="s">
        <v>450</v>
      </c>
      <c r="B147" s="6" t="s">
        <v>2898</v>
      </c>
      <c r="C147" s="2" t="s">
        <v>2899</v>
      </c>
      <c r="D147" s="2" t="s">
        <v>2900</v>
      </c>
    </row>
    <row r="148" spans="1:4" x14ac:dyDescent="0.25">
      <c r="A148" s="4" t="s">
        <v>453</v>
      </c>
      <c r="B148" s="6" t="s">
        <v>2901</v>
      </c>
      <c r="C148" s="2" t="s">
        <v>2902</v>
      </c>
      <c r="D148" s="2" t="s">
        <v>2903</v>
      </c>
    </row>
    <row r="149" spans="1:4" x14ac:dyDescent="0.25">
      <c r="A149" s="4" t="s">
        <v>455</v>
      </c>
      <c r="B149" s="6" t="s">
        <v>2904</v>
      </c>
      <c r="C149" s="2" t="s">
        <v>2726</v>
      </c>
      <c r="D149" s="2" t="s">
        <v>2682</v>
      </c>
    </row>
    <row r="150" spans="1:4" x14ac:dyDescent="0.25">
      <c r="A150" s="5" t="s">
        <v>460</v>
      </c>
      <c r="B150" s="7" t="s">
        <v>2905</v>
      </c>
      <c r="C150" s="3" t="s">
        <v>2906</v>
      </c>
      <c r="D150" s="3" t="s">
        <v>2907</v>
      </c>
    </row>
    <row r="151" spans="1:4" x14ac:dyDescent="0.25">
      <c r="A151" s="5" t="s">
        <v>462</v>
      </c>
      <c r="B151" s="7" t="s">
        <v>2908</v>
      </c>
      <c r="C151" s="3" t="s">
        <v>51</v>
      </c>
      <c r="D151" s="3" t="s">
        <v>51</v>
      </c>
    </row>
    <row r="152" spans="1:4" x14ac:dyDescent="0.25">
      <c r="A152" s="4" t="s">
        <v>464</v>
      </c>
      <c r="B152" s="6" t="s">
        <v>2909</v>
      </c>
      <c r="C152" s="2" t="s">
        <v>51</v>
      </c>
      <c r="D152" s="2" t="s">
        <v>51</v>
      </c>
    </row>
    <row r="153" spans="1:4" x14ac:dyDescent="0.25">
      <c r="A153" s="4" t="s">
        <v>466</v>
      </c>
      <c r="B153" s="6" t="s">
        <v>2910</v>
      </c>
      <c r="C153" s="2" t="s">
        <v>51</v>
      </c>
      <c r="D153" s="2" t="s">
        <v>51</v>
      </c>
    </row>
    <row r="154" spans="1:4" x14ac:dyDescent="0.25">
      <c r="A154" s="5" t="s">
        <v>468</v>
      </c>
      <c r="B154" s="7" t="s">
        <v>2911</v>
      </c>
      <c r="C154" s="3" t="s">
        <v>2906</v>
      </c>
      <c r="D154" s="3" t="s">
        <v>2907</v>
      </c>
    </row>
  </sheetData>
  <mergeCells count="59">
    <mergeCell ref="A3:H3"/>
    <mergeCell ref="A4:H4"/>
    <mergeCell ref="A5:H5"/>
    <mergeCell ref="A6:H6"/>
    <mergeCell ref="A7:H7"/>
    <mergeCell ref="A9:H9"/>
    <mergeCell ref="A10:A11"/>
    <mergeCell ref="B10:B11"/>
    <mergeCell ref="C10:C11"/>
    <mergeCell ref="D10:D11"/>
    <mergeCell ref="E10:F10"/>
    <mergeCell ref="A35:A36"/>
    <mergeCell ref="B35:B36"/>
    <mergeCell ref="C35:C36"/>
    <mergeCell ref="D35:D36"/>
    <mergeCell ref="E35:F35"/>
    <mergeCell ref="A52:A53"/>
    <mergeCell ref="B52:B53"/>
    <mergeCell ref="C52:C53"/>
    <mergeCell ref="D52:D53"/>
    <mergeCell ref="E52:F52"/>
    <mergeCell ref="G67:H67"/>
    <mergeCell ref="A77:A78"/>
    <mergeCell ref="B77:B78"/>
    <mergeCell ref="C77:C78"/>
    <mergeCell ref="A87:A88"/>
    <mergeCell ref="B87:B88"/>
    <mergeCell ref="C87:C88"/>
    <mergeCell ref="A67:A68"/>
    <mergeCell ref="B67:B68"/>
    <mergeCell ref="C67:C68"/>
    <mergeCell ref="D67:D68"/>
    <mergeCell ref="E67:F67"/>
    <mergeCell ref="A94:A95"/>
    <mergeCell ref="B94:B95"/>
    <mergeCell ref="C94:C95"/>
    <mergeCell ref="A99:A100"/>
    <mergeCell ref="B99:B100"/>
    <mergeCell ref="C99:C100"/>
    <mergeCell ref="D99:D100"/>
    <mergeCell ref="E99:F99"/>
    <mergeCell ref="G99:H99"/>
    <mergeCell ref="A115:A116"/>
    <mergeCell ref="B115:B116"/>
    <mergeCell ref="C115:C116"/>
    <mergeCell ref="A142:A143"/>
    <mergeCell ref="B142:B143"/>
    <mergeCell ref="C142:C143"/>
    <mergeCell ref="D142:D143"/>
    <mergeCell ref="G127:H127"/>
    <mergeCell ref="A136:A137"/>
    <mergeCell ref="B136:B137"/>
    <mergeCell ref="C136:C137"/>
    <mergeCell ref="D136:D137"/>
    <mergeCell ref="A127:A128"/>
    <mergeCell ref="B127:B128"/>
    <mergeCell ref="C127:C128"/>
    <mergeCell ref="D127:D128"/>
    <mergeCell ref="E127:F127"/>
  </mergeCells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H121"/>
  <sheetViews>
    <sheetView showGridLines="0" workbookViewId="0"/>
  </sheetViews>
  <sheetFormatPr defaultRowHeight="15" x14ac:dyDescent="0.25"/>
  <cols>
    <col min="1" max="1" width="2.140625" bestFit="1" customWidth="1"/>
    <col min="2" max="2" width="159.85546875" bestFit="1" customWidth="1"/>
    <col min="3" max="3" width="10" bestFit="1" customWidth="1"/>
    <col min="4" max="4" width="28.42578125" bestFit="1" customWidth="1"/>
    <col min="5" max="5" width="18.7109375" bestFit="1" customWidth="1"/>
    <col min="6" max="6" width="11.140625" bestFit="1" customWidth="1"/>
    <col min="7" max="7" width="12.140625" bestFit="1" customWidth="1"/>
    <col min="8" max="8" width="10.42578125" bestFit="1" customWidth="1"/>
  </cols>
  <sheetData>
    <row r="3" spans="1:8" x14ac:dyDescent="0.25">
      <c r="A3" s="14" t="s">
        <v>0</v>
      </c>
      <c r="B3" s="13"/>
      <c r="C3" s="13"/>
      <c r="D3" s="13"/>
      <c r="E3" s="13"/>
      <c r="F3" s="13"/>
      <c r="G3" s="13"/>
      <c r="H3" s="13"/>
    </row>
    <row r="4" spans="1:8" x14ac:dyDescent="0.25">
      <c r="A4" s="14" t="s">
        <v>1</v>
      </c>
      <c r="B4" s="13"/>
      <c r="C4" s="13"/>
      <c r="D4" s="13"/>
      <c r="E4" s="13"/>
      <c r="F4" s="13"/>
      <c r="G4" s="13"/>
      <c r="H4" s="13"/>
    </row>
    <row r="5" spans="1:8" x14ac:dyDescent="0.25">
      <c r="A5" s="15" t="s">
        <v>2912</v>
      </c>
      <c r="B5" s="13"/>
      <c r="C5" s="13"/>
      <c r="D5" s="13"/>
      <c r="E5" s="13"/>
      <c r="F5" s="13"/>
      <c r="G5" s="13"/>
      <c r="H5" s="13"/>
    </row>
    <row r="6" spans="1:8" x14ac:dyDescent="0.25">
      <c r="A6" s="14" t="s">
        <v>3</v>
      </c>
      <c r="B6" s="13"/>
      <c r="C6" s="13"/>
      <c r="D6" s="13"/>
      <c r="E6" s="13"/>
      <c r="F6" s="13"/>
      <c r="G6" s="13"/>
      <c r="H6" s="13"/>
    </row>
    <row r="7" spans="1:8" x14ac:dyDescent="0.25">
      <c r="A7" s="14" t="s">
        <v>4</v>
      </c>
      <c r="B7" s="13"/>
      <c r="C7" s="13"/>
      <c r="D7" s="13"/>
      <c r="E7" s="13"/>
      <c r="F7" s="13"/>
      <c r="G7" s="13"/>
      <c r="H7" s="13"/>
    </row>
    <row r="9" spans="1:8" x14ac:dyDescent="0.25">
      <c r="A9" s="12" t="s">
        <v>2913</v>
      </c>
      <c r="B9" s="13"/>
      <c r="C9" s="13"/>
      <c r="D9" s="13"/>
      <c r="E9" s="13"/>
      <c r="F9" s="13"/>
      <c r="G9" s="13"/>
      <c r="H9" s="13"/>
    </row>
    <row r="10" spans="1:8" x14ac:dyDescent="0.25">
      <c r="A10" s="11" t="s">
        <v>6</v>
      </c>
      <c r="B10" s="11" t="s">
        <v>2914</v>
      </c>
      <c r="C10" s="11" t="s">
        <v>9</v>
      </c>
      <c r="D10" s="11" t="s">
        <v>10</v>
      </c>
      <c r="E10" s="11" t="s">
        <v>11</v>
      </c>
      <c r="F10" s="11" t="s">
        <v>11</v>
      </c>
    </row>
    <row r="11" spans="1:8" ht="21" x14ac:dyDescent="0.25">
      <c r="A11" s="11" t="s">
        <v>7</v>
      </c>
      <c r="B11" s="11" t="s">
        <v>7</v>
      </c>
      <c r="C11" s="11" t="s">
        <v>7</v>
      </c>
      <c r="D11" s="11" t="s">
        <v>7</v>
      </c>
      <c r="E11" s="1" t="s">
        <v>634</v>
      </c>
      <c r="F11" s="1" t="s">
        <v>2915</v>
      </c>
    </row>
    <row r="12" spans="1:8" x14ac:dyDescent="0.25">
      <c r="A12" s="5" t="s">
        <v>17</v>
      </c>
      <c r="B12" s="7" t="s">
        <v>2916</v>
      </c>
      <c r="C12" s="3" t="s">
        <v>2591</v>
      </c>
      <c r="D12" s="3" t="s">
        <v>2591</v>
      </c>
      <c r="E12" s="3" t="s">
        <v>2592</v>
      </c>
      <c r="F12" s="3" t="s">
        <v>2593</v>
      </c>
    </row>
    <row r="13" spans="1:8" x14ac:dyDescent="0.25">
      <c r="A13" s="4" t="s">
        <v>24</v>
      </c>
      <c r="B13" s="6" t="s">
        <v>2917</v>
      </c>
      <c r="C13" s="2" t="s">
        <v>2613</v>
      </c>
      <c r="D13" s="2" t="s">
        <v>2613</v>
      </c>
      <c r="E13" s="2" t="s">
        <v>2614</v>
      </c>
      <c r="F13" s="2" t="s">
        <v>2615</v>
      </c>
    </row>
    <row r="14" spans="1:8" x14ac:dyDescent="0.25">
      <c r="A14" s="4" t="s">
        <v>31</v>
      </c>
      <c r="B14" s="6" t="s">
        <v>2918</v>
      </c>
      <c r="C14" s="2" t="s">
        <v>2919</v>
      </c>
      <c r="D14" s="2" t="s">
        <v>2919</v>
      </c>
      <c r="E14" s="2" t="s">
        <v>2920</v>
      </c>
      <c r="F14" s="2" t="s">
        <v>2600</v>
      </c>
    </row>
    <row r="15" spans="1:8" x14ac:dyDescent="0.25">
      <c r="A15" s="4" t="s">
        <v>37</v>
      </c>
      <c r="B15" s="6" t="s">
        <v>2921</v>
      </c>
      <c r="C15" s="2" t="s">
        <v>2624</v>
      </c>
      <c r="D15" s="2" t="s">
        <v>2624</v>
      </c>
      <c r="E15" s="2" t="s">
        <v>2625</v>
      </c>
      <c r="F15" s="2" t="s">
        <v>2626</v>
      </c>
    </row>
    <row r="16" spans="1:8" x14ac:dyDescent="0.25">
      <c r="A16" s="4" t="s">
        <v>43</v>
      </c>
      <c r="B16" s="6" t="s">
        <v>2922</v>
      </c>
      <c r="C16" s="2" t="s">
        <v>1739</v>
      </c>
      <c r="D16" s="2" t="s">
        <v>1739</v>
      </c>
      <c r="E16" s="2" t="s">
        <v>2278</v>
      </c>
      <c r="F16" s="2" t="s">
        <v>2632</v>
      </c>
    </row>
    <row r="17" spans="1:6" x14ac:dyDescent="0.25">
      <c r="A17" s="4" t="s">
        <v>49</v>
      </c>
      <c r="B17" s="6" t="s">
        <v>2923</v>
      </c>
      <c r="C17" s="2" t="s">
        <v>2924</v>
      </c>
      <c r="D17" s="2" t="s">
        <v>2924</v>
      </c>
      <c r="E17" s="2" t="s">
        <v>2925</v>
      </c>
      <c r="F17" s="2" t="s">
        <v>2926</v>
      </c>
    </row>
    <row r="18" spans="1:6" x14ac:dyDescent="0.25">
      <c r="A18" s="4" t="s">
        <v>52</v>
      </c>
      <c r="B18" s="6" t="s">
        <v>2927</v>
      </c>
      <c r="C18" s="2" t="s">
        <v>2928</v>
      </c>
      <c r="D18" s="2" t="s">
        <v>2928</v>
      </c>
      <c r="E18" s="2" t="s">
        <v>2929</v>
      </c>
      <c r="F18" s="2" t="s">
        <v>2930</v>
      </c>
    </row>
    <row r="19" spans="1:6" x14ac:dyDescent="0.25">
      <c r="A19" s="4" t="s">
        <v>59</v>
      </c>
      <c r="B19" s="6" t="s">
        <v>2931</v>
      </c>
      <c r="C19" s="2" t="s">
        <v>51</v>
      </c>
      <c r="D19" s="2" t="s">
        <v>51</v>
      </c>
      <c r="E19" s="2" t="s">
        <v>51</v>
      </c>
      <c r="F19" s="2" t="s">
        <v>51</v>
      </c>
    </row>
    <row r="20" spans="1:6" x14ac:dyDescent="0.25">
      <c r="A20" s="5" t="s">
        <v>61</v>
      </c>
      <c r="B20" s="7" t="s">
        <v>2932</v>
      </c>
      <c r="C20" s="3" t="s">
        <v>2634</v>
      </c>
      <c r="D20" s="3" t="s">
        <v>2634</v>
      </c>
      <c r="E20" s="3" t="s">
        <v>2635</v>
      </c>
      <c r="F20" s="3" t="s">
        <v>2933</v>
      </c>
    </row>
    <row r="21" spans="1:6" x14ac:dyDescent="0.25">
      <c r="A21" s="4" t="s">
        <v>63</v>
      </c>
      <c r="B21" s="6" t="s">
        <v>2283</v>
      </c>
      <c r="C21" s="2" t="s">
        <v>1851</v>
      </c>
      <c r="D21" s="2" t="s">
        <v>1851</v>
      </c>
      <c r="E21" s="2" t="s">
        <v>2638</v>
      </c>
      <c r="F21" s="2" t="s">
        <v>2639</v>
      </c>
    </row>
    <row r="22" spans="1:6" x14ac:dyDescent="0.25">
      <c r="A22" s="4" t="s">
        <v>65</v>
      </c>
      <c r="B22" s="6" t="s">
        <v>2934</v>
      </c>
      <c r="C22" s="2" t="s">
        <v>1871</v>
      </c>
      <c r="D22" s="2" t="s">
        <v>1871</v>
      </c>
      <c r="E22" s="2" t="s">
        <v>2644</v>
      </c>
      <c r="F22" s="2" t="s">
        <v>2645</v>
      </c>
    </row>
    <row r="23" spans="1:6" x14ac:dyDescent="0.25">
      <c r="A23" s="5" t="s">
        <v>67</v>
      </c>
      <c r="B23" s="7" t="s">
        <v>2935</v>
      </c>
      <c r="C23" s="3" t="s">
        <v>1856</v>
      </c>
      <c r="D23" s="3" t="s">
        <v>1856</v>
      </c>
      <c r="E23" s="3" t="s">
        <v>2641</v>
      </c>
      <c r="F23" s="3" t="s">
        <v>2642</v>
      </c>
    </row>
    <row r="24" spans="1:6" x14ac:dyDescent="0.25">
      <c r="A24" s="4" t="s">
        <v>73</v>
      </c>
      <c r="B24" s="6" t="s">
        <v>2936</v>
      </c>
      <c r="C24" s="2" t="s">
        <v>1856</v>
      </c>
      <c r="D24" s="2" t="s">
        <v>1856</v>
      </c>
      <c r="E24" s="2" t="s">
        <v>2641</v>
      </c>
      <c r="F24" s="2" t="s">
        <v>2642</v>
      </c>
    </row>
    <row r="25" spans="1:6" x14ac:dyDescent="0.25">
      <c r="A25" s="4" t="s">
        <v>79</v>
      </c>
      <c r="B25" s="6" t="s">
        <v>2937</v>
      </c>
      <c r="C25" s="2" t="s">
        <v>51</v>
      </c>
      <c r="D25" s="2" t="s">
        <v>51</v>
      </c>
      <c r="E25" s="2" t="s">
        <v>51</v>
      </c>
      <c r="F25" s="2" t="s">
        <v>51</v>
      </c>
    </row>
    <row r="26" spans="1:6" x14ac:dyDescent="0.25">
      <c r="A26" s="5" t="s">
        <v>85</v>
      </c>
      <c r="B26" s="7" t="s">
        <v>2938</v>
      </c>
      <c r="C26" s="3" t="s">
        <v>2648</v>
      </c>
      <c r="D26" s="3" t="s">
        <v>2648</v>
      </c>
      <c r="E26" s="3" t="s">
        <v>2649</v>
      </c>
      <c r="F26" s="3" t="s">
        <v>2939</v>
      </c>
    </row>
    <row r="27" spans="1:6" x14ac:dyDescent="0.25">
      <c r="A27" s="4" t="s">
        <v>87</v>
      </c>
      <c r="B27" s="6" t="s">
        <v>2940</v>
      </c>
      <c r="C27" s="2" t="s">
        <v>2652</v>
      </c>
      <c r="D27" s="2" t="s">
        <v>2652</v>
      </c>
      <c r="E27" s="2" t="s">
        <v>2653</v>
      </c>
      <c r="F27" s="2" t="s">
        <v>2596</v>
      </c>
    </row>
    <row r="28" spans="1:6" x14ac:dyDescent="0.25">
      <c r="A28" s="4" t="s">
        <v>93</v>
      </c>
      <c r="B28" s="6" t="s">
        <v>2941</v>
      </c>
      <c r="C28" s="2" t="s">
        <v>2655</v>
      </c>
      <c r="D28" s="2" t="s">
        <v>2655</v>
      </c>
      <c r="E28" s="2" t="s">
        <v>2656</v>
      </c>
      <c r="F28" s="2" t="s">
        <v>2622</v>
      </c>
    </row>
    <row r="29" spans="1:6" x14ac:dyDescent="0.25">
      <c r="A29" s="4" t="s">
        <v>95</v>
      </c>
      <c r="B29" s="6" t="s">
        <v>2942</v>
      </c>
      <c r="C29" s="2" t="s">
        <v>2658</v>
      </c>
      <c r="D29" s="2" t="s">
        <v>2658</v>
      </c>
      <c r="E29" s="2" t="s">
        <v>2659</v>
      </c>
      <c r="F29" s="2" t="s">
        <v>2645</v>
      </c>
    </row>
    <row r="30" spans="1:6" x14ac:dyDescent="0.25">
      <c r="A30" s="5" t="s">
        <v>101</v>
      </c>
      <c r="B30" s="7" t="s">
        <v>2943</v>
      </c>
      <c r="C30" s="3" t="s">
        <v>2661</v>
      </c>
      <c r="D30" s="3" t="s">
        <v>2661</v>
      </c>
      <c r="E30" s="3" t="s">
        <v>2662</v>
      </c>
      <c r="F30" s="3" t="s">
        <v>2663</v>
      </c>
    </row>
    <row r="32" spans="1:6" x14ac:dyDescent="0.25">
      <c r="A32" s="11" t="s">
        <v>6</v>
      </c>
      <c r="B32" s="11" t="s">
        <v>2944</v>
      </c>
      <c r="C32" s="11" t="s">
        <v>9</v>
      </c>
      <c r="D32" s="11" t="s">
        <v>2945</v>
      </c>
      <c r="E32" s="11" t="s">
        <v>11</v>
      </c>
      <c r="F32" s="11" t="s">
        <v>11</v>
      </c>
    </row>
    <row r="33" spans="1:8" ht="21" x14ac:dyDescent="0.25">
      <c r="A33" s="11" t="s">
        <v>7</v>
      </c>
      <c r="B33" s="11" t="s">
        <v>7</v>
      </c>
      <c r="C33" s="11" t="s">
        <v>7</v>
      </c>
      <c r="D33" s="11" t="s">
        <v>7</v>
      </c>
      <c r="E33" s="1" t="s">
        <v>637</v>
      </c>
      <c r="F33" s="1" t="s">
        <v>2946</v>
      </c>
    </row>
    <row r="34" spans="1:8" x14ac:dyDescent="0.25">
      <c r="A34" s="5" t="s">
        <v>103</v>
      </c>
      <c r="B34" s="7" t="s">
        <v>2947</v>
      </c>
      <c r="C34" s="3" t="s">
        <v>2948</v>
      </c>
      <c r="D34" s="3" t="s">
        <v>2948</v>
      </c>
      <c r="E34" s="3" t="s">
        <v>2949</v>
      </c>
      <c r="F34" s="3" t="s">
        <v>2950</v>
      </c>
    </row>
    <row r="35" spans="1:8" x14ac:dyDescent="0.25">
      <c r="A35" s="4" t="s">
        <v>105</v>
      </c>
      <c r="B35" s="6" t="s">
        <v>2951</v>
      </c>
      <c r="C35" s="2" t="s">
        <v>2952</v>
      </c>
      <c r="D35" s="2" t="s">
        <v>2952</v>
      </c>
      <c r="E35" s="2" t="s">
        <v>2953</v>
      </c>
      <c r="F35" s="2" t="s">
        <v>2954</v>
      </c>
    </row>
    <row r="36" spans="1:8" x14ac:dyDescent="0.25">
      <c r="A36" s="4" t="s">
        <v>107</v>
      </c>
      <c r="B36" s="6" t="s">
        <v>2955</v>
      </c>
      <c r="C36" s="2" t="s">
        <v>51</v>
      </c>
      <c r="D36" s="2" t="s">
        <v>51</v>
      </c>
      <c r="E36" s="2" t="s">
        <v>51</v>
      </c>
      <c r="F36" s="2" t="s">
        <v>51</v>
      </c>
    </row>
    <row r="37" spans="1:8" x14ac:dyDescent="0.25">
      <c r="A37" s="4" t="s">
        <v>113</v>
      </c>
      <c r="B37" s="6" t="s">
        <v>2956</v>
      </c>
      <c r="C37" s="2" t="s">
        <v>51</v>
      </c>
      <c r="D37" s="2" t="s">
        <v>51</v>
      </c>
      <c r="E37" s="2" t="s">
        <v>51</v>
      </c>
      <c r="F37" s="2" t="s">
        <v>51</v>
      </c>
    </row>
    <row r="38" spans="1:8" x14ac:dyDescent="0.25">
      <c r="A38" s="4" t="s">
        <v>119</v>
      </c>
      <c r="B38" s="6" t="s">
        <v>2957</v>
      </c>
      <c r="C38" s="2" t="s">
        <v>2958</v>
      </c>
      <c r="D38" s="2" t="s">
        <v>2958</v>
      </c>
      <c r="E38" s="2" t="s">
        <v>2959</v>
      </c>
      <c r="F38" s="2" t="s">
        <v>2960</v>
      </c>
    </row>
    <row r="39" spans="1:8" x14ac:dyDescent="0.25">
      <c r="A39" s="4" t="s">
        <v>125</v>
      </c>
      <c r="B39" s="6" t="s">
        <v>2961</v>
      </c>
      <c r="C39" s="2" t="s">
        <v>2962</v>
      </c>
      <c r="D39" s="2" t="s">
        <v>2962</v>
      </c>
      <c r="E39" s="2" t="s">
        <v>51</v>
      </c>
      <c r="F39" s="2" t="s">
        <v>51</v>
      </c>
    </row>
    <row r="40" spans="1:8" x14ac:dyDescent="0.25">
      <c r="A40" s="4" t="s">
        <v>131</v>
      </c>
      <c r="B40" s="6" t="s">
        <v>2963</v>
      </c>
      <c r="C40" s="2" t="s">
        <v>51</v>
      </c>
      <c r="D40" s="2" t="s">
        <v>51</v>
      </c>
      <c r="E40" s="2" t="s">
        <v>51</v>
      </c>
      <c r="F40" s="2" t="s">
        <v>51</v>
      </c>
    </row>
    <row r="41" spans="1:8" x14ac:dyDescent="0.25">
      <c r="A41" s="4" t="s">
        <v>133</v>
      </c>
      <c r="B41" s="6" t="s">
        <v>2964</v>
      </c>
      <c r="C41" s="2" t="s">
        <v>51</v>
      </c>
      <c r="D41" s="2" t="s">
        <v>51</v>
      </c>
      <c r="E41" s="2" t="s">
        <v>51</v>
      </c>
      <c r="F41" s="2" t="s">
        <v>51</v>
      </c>
    </row>
    <row r="42" spans="1:8" x14ac:dyDescent="0.25">
      <c r="A42" s="5" t="s">
        <v>139</v>
      </c>
      <c r="B42" s="7" t="s">
        <v>2965</v>
      </c>
      <c r="C42" s="3" t="s">
        <v>2966</v>
      </c>
      <c r="D42" s="3" t="s">
        <v>2966</v>
      </c>
      <c r="E42" s="3" t="s">
        <v>2949</v>
      </c>
      <c r="F42" s="3" t="s">
        <v>2950</v>
      </c>
    </row>
    <row r="44" spans="1:8" x14ac:dyDescent="0.25">
      <c r="A44" s="11" t="s">
        <v>6</v>
      </c>
      <c r="B44" s="11" t="s">
        <v>2967</v>
      </c>
      <c r="C44" s="11" t="s">
        <v>632</v>
      </c>
      <c r="D44" s="11" t="s">
        <v>317</v>
      </c>
      <c r="E44" s="11" t="s">
        <v>318</v>
      </c>
      <c r="F44" s="11" t="s">
        <v>7</v>
      </c>
      <c r="G44" s="11" t="s">
        <v>322</v>
      </c>
      <c r="H44" s="11" t="s">
        <v>322</v>
      </c>
    </row>
    <row r="45" spans="1:8" ht="31.5" x14ac:dyDescent="0.25">
      <c r="A45" s="11" t="s">
        <v>7</v>
      </c>
      <c r="B45" s="11" t="s">
        <v>7</v>
      </c>
      <c r="C45" s="11" t="s">
        <v>7</v>
      </c>
      <c r="D45" s="11" t="s">
        <v>7</v>
      </c>
      <c r="E45" s="1" t="s">
        <v>320</v>
      </c>
      <c r="F45" s="1" t="s">
        <v>2968</v>
      </c>
      <c r="G45" s="1" t="s">
        <v>2735</v>
      </c>
      <c r="H45" s="1" t="s">
        <v>2969</v>
      </c>
    </row>
    <row r="46" spans="1:8" x14ac:dyDescent="0.25">
      <c r="A46" s="5" t="s">
        <v>145</v>
      </c>
      <c r="B46" s="7" t="s">
        <v>598</v>
      </c>
      <c r="C46" s="3" t="s">
        <v>2970</v>
      </c>
      <c r="D46" s="3" t="s">
        <v>2971</v>
      </c>
      <c r="E46" s="3" t="s">
        <v>2972</v>
      </c>
      <c r="F46" s="3" t="s">
        <v>2973</v>
      </c>
      <c r="G46" s="3" t="s">
        <v>2974</v>
      </c>
      <c r="H46" s="3" t="s">
        <v>2975</v>
      </c>
    </row>
    <row r="47" spans="1:8" x14ac:dyDescent="0.25">
      <c r="A47" s="4" t="s">
        <v>151</v>
      </c>
      <c r="B47" s="6" t="s">
        <v>2976</v>
      </c>
      <c r="C47" s="2" t="s">
        <v>2977</v>
      </c>
      <c r="D47" s="2" t="s">
        <v>2978</v>
      </c>
      <c r="E47" s="2" t="s">
        <v>2979</v>
      </c>
      <c r="F47" s="2" t="s">
        <v>2980</v>
      </c>
      <c r="G47" s="2" t="s">
        <v>2981</v>
      </c>
      <c r="H47" s="2" t="s">
        <v>2982</v>
      </c>
    </row>
    <row r="48" spans="1:8" x14ac:dyDescent="0.25">
      <c r="A48" s="4" t="s">
        <v>153</v>
      </c>
      <c r="B48" s="6" t="s">
        <v>2983</v>
      </c>
      <c r="C48" s="2" t="s">
        <v>2984</v>
      </c>
      <c r="D48" s="2" t="s">
        <v>2984</v>
      </c>
      <c r="E48" s="2" t="s">
        <v>2985</v>
      </c>
      <c r="F48" s="2" t="s">
        <v>2986</v>
      </c>
      <c r="G48" s="2" t="s">
        <v>2985</v>
      </c>
      <c r="H48" s="2" t="s">
        <v>2986</v>
      </c>
    </row>
    <row r="49" spans="1:8" x14ac:dyDescent="0.25">
      <c r="A49" s="4" t="s">
        <v>156</v>
      </c>
      <c r="B49" s="6" t="s">
        <v>2987</v>
      </c>
      <c r="C49" s="2" t="s">
        <v>2988</v>
      </c>
      <c r="D49" s="2" t="s">
        <v>2989</v>
      </c>
      <c r="E49" s="2" t="s">
        <v>2990</v>
      </c>
      <c r="F49" s="2" t="s">
        <v>2991</v>
      </c>
      <c r="G49" s="2" t="s">
        <v>2992</v>
      </c>
      <c r="H49" s="2" t="s">
        <v>2993</v>
      </c>
    </row>
    <row r="50" spans="1:8" x14ac:dyDescent="0.25">
      <c r="A50" s="5" t="s">
        <v>162</v>
      </c>
      <c r="B50" s="7" t="s">
        <v>620</v>
      </c>
      <c r="C50" s="3" t="s">
        <v>2994</v>
      </c>
      <c r="D50" s="3" t="s">
        <v>2995</v>
      </c>
      <c r="E50" s="3" t="s">
        <v>2996</v>
      </c>
      <c r="F50" s="3" t="s">
        <v>2997</v>
      </c>
      <c r="G50" s="3" t="s">
        <v>2998</v>
      </c>
      <c r="H50" s="3" t="s">
        <v>922</v>
      </c>
    </row>
    <row r="51" spans="1:8" x14ac:dyDescent="0.25">
      <c r="A51" s="4" t="s">
        <v>168</v>
      </c>
      <c r="B51" s="6" t="s">
        <v>2999</v>
      </c>
      <c r="C51" s="2" t="s">
        <v>3000</v>
      </c>
      <c r="D51" s="2" t="s">
        <v>3001</v>
      </c>
      <c r="E51" s="2" t="s">
        <v>3002</v>
      </c>
      <c r="F51" s="2" t="s">
        <v>3003</v>
      </c>
      <c r="G51" s="2" t="s">
        <v>51</v>
      </c>
      <c r="H51" s="2" t="s">
        <v>51</v>
      </c>
    </row>
    <row r="52" spans="1:8" x14ac:dyDescent="0.25">
      <c r="A52" s="4" t="s">
        <v>171</v>
      </c>
      <c r="B52" s="6" t="s">
        <v>3004</v>
      </c>
      <c r="C52" s="2" t="s">
        <v>3005</v>
      </c>
      <c r="D52" s="2" t="s">
        <v>3005</v>
      </c>
      <c r="E52" s="2" t="s">
        <v>51</v>
      </c>
      <c r="F52" s="2" t="s">
        <v>51</v>
      </c>
      <c r="G52" s="2" t="s">
        <v>51</v>
      </c>
      <c r="H52" s="2" t="s">
        <v>51</v>
      </c>
    </row>
    <row r="53" spans="1:8" x14ac:dyDescent="0.25">
      <c r="A53" s="4" t="s">
        <v>173</v>
      </c>
      <c r="B53" s="6" t="s">
        <v>3006</v>
      </c>
      <c r="C53" s="2" t="s">
        <v>3007</v>
      </c>
      <c r="D53" s="2" t="s">
        <v>3007</v>
      </c>
      <c r="E53" s="2" t="s">
        <v>2998</v>
      </c>
      <c r="F53" s="2" t="s">
        <v>3008</v>
      </c>
      <c r="G53" s="2" t="s">
        <v>2998</v>
      </c>
      <c r="H53" s="2" t="s">
        <v>3008</v>
      </c>
    </row>
    <row r="54" spans="1:8" x14ac:dyDescent="0.25">
      <c r="A54" s="5" t="s">
        <v>175</v>
      </c>
      <c r="B54" s="7" t="s">
        <v>3009</v>
      </c>
      <c r="C54" s="3" t="s">
        <v>3010</v>
      </c>
      <c r="D54" s="3" t="s">
        <v>3011</v>
      </c>
      <c r="E54" s="3" t="s">
        <v>3012</v>
      </c>
      <c r="F54" s="3" t="s">
        <v>3013</v>
      </c>
      <c r="G54" s="3" t="s">
        <v>3014</v>
      </c>
      <c r="H54" s="3" t="s">
        <v>3015</v>
      </c>
    </row>
    <row r="56" spans="1:8" x14ac:dyDescent="0.25">
      <c r="A56" s="11" t="s">
        <v>6</v>
      </c>
      <c r="B56" s="11" t="s">
        <v>3016</v>
      </c>
      <c r="C56" s="11" t="s">
        <v>632</v>
      </c>
      <c r="D56" s="11" t="s">
        <v>2082</v>
      </c>
      <c r="E56" s="11" t="s">
        <v>318</v>
      </c>
      <c r="F56" s="11" t="s">
        <v>7</v>
      </c>
      <c r="G56" s="11" t="s">
        <v>322</v>
      </c>
      <c r="H56" s="11" t="s">
        <v>322</v>
      </c>
    </row>
    <row r="57" spans="1:8" ht="21" x14ac:dyDescent="0.25">
      <c r="A57" s="11" t="s">
        <v>7</v>
      </c>
      <c r="B57" s="11" t="s">
        <v>7</v>
      </c>
      <c r="C57" s="11" t="s">
        <v>7</v>
      </c>
      <c r="D57" s="11" t="s">
        <v>7</v>
      </c>
      <c r="E57" s="1" t="s">
        <v>323</v>
      </c>
      <c r="F57" s="1" t="s">
        <v>3017</v>
      </c>
      <c r="G57" s="1" t="s">
        <v>3018</v>
      </c>
      <c r="H57" s="1" t="s">
        <v>3019</v>
      </c>
    </row>
    <row r="58" spans="1:8" x14ac:dyDescent="0.25">
      <c r="A58" s="4" t="s">
        <v>181</v>
      </c>
      <c r="B58" s="6" t="s">
        <v>3020</v>
      </c>
      <c r="C58" s="2" t="s">
        <v>51</v>
      </c>
      <c r="D58" s="2" t="s">
        <v>51</v>
      </c>
      <c r="E58" s="2" t="s">
        <v>51</v>
      </c>
      <c r="F58" s="2" t="s">
        <v>3021</v>
      </c>
      <c r="G58" s="2" t="s">
        <v>51</v>
      </c>
      <c r="H58" s="2" t="s">
        <v>51</v>
      </c>
    </row>
    <row r="59" spans="1:8" x14ac:dyDescent="0.25">
      <c r="A59" s="4" t="s">
        <v>187</v>
      </c>
      <c r="B59" s="6" t="s">
        <v>3022</v>
      </c>
      <c r="C59" s="2" t="s">
        <v>51</v>
      </c>
      <c r="D59" s="2" t="s">
        <v>51</v>
      </c>
      <c r="E59" s="2" t="s">
        <v>51</v>
      </c>
      <c r="F59" s="2" t="s">
        <v>3021</v>
      </c>
      <c r="G59" s="2" t="s">
        <v>51</v>
      </c>
      <c r="H59" s="2" t="s">
        <v>51</v>
      </c>
    </row>
    <row r="60" spans="1:8" x14ac:dyDescent="0.25">
      <c r="A60" s="5" t="s">
        <v>193</v>
      </c>
      <c r="B60" s="7" t="s">
        <v>3023</v>
      </c>
      <c r="C60" s="3" t="s">
        <v>3024</v>
      </c>
      <c r="D60" s="3" t="s">
        <v>3025</v>
      </c>
      <c r="E60" s="3" t="s">
        <v>3026</v>
      </c>
      <c r="F60" s="3" t="s">
        <v>3027</v>
      </c>
      <c r="G60" s="3" t="s">
        <v>3028</v>
      </c>
      <c r="H60" s="3" t="s">
        <v>3029</v>
      </c>
    </row>
    <row r="61" spans="1:8" x14ac:dyDescent="0.25">
      <c r="A61" s="4" t="s">
        <v>195</v>
      </c>
      <c r="B61" s="6" t="s">
        <v>3030</v>
      </c>
      <c r="C61" s="2" t="s">
        <v>3031</v>
      </c>
      <c r="D61" s="2" t="s">
        <v>3031</v>
      </c>
      <c r="E61" s="2" t="s">
        <v>3032</v>
      </c>
      <c r="F61" s="2" t="s">
        <v>3033</v>
      </c>
      <c r="G61" s="2" t="s">
        <v>3034</v>
      </c>
      <c r="H61" s="2" t="s">
        <v>3035</v>
      </c>
    </row>
    <row r="62" spans="1:8" x14ac:dyDescent="0.25">
      <c r="A62" s="4" t="s">
        <v>201</v>
      </c>
      <c r="B62" s="6" t="s">
        <v>3036</v>
      </c>
      <c r="C62" s="2" t="s">
        <v>51</v>
      </c>
      <c r="D62" s="2" t="s">
        <v>3037</v>
      </c>
      <c r="E62" s="2" t="s">
        <v>3037</v>
      </c>
      <c r="F62" s="2" t="s">
        <v>3021</v>
      </c>
      <c r="G62" s="2" t="s">
        <v>51</v>
      </c>
      <c r="H62" s="2" t="s">
        <v>51</v>
      </c>
    </row>
    <row r="63" spans="1:8" x14ac:dyDescent="0.25">
      <c r="A63" s="4" t="s">
        <v>207</v>
      </c>
      <c r="B63" s="6" t="s">
        <v>3038</v>
      </c>
      <c r="C63" s="2" t="s">
        <v>3039</v>
      </c>
      <c r="D63" s="2" t="s">
        <v>3039</v>
      </c>
      <c r="E63" s="2" t="s">
        <v>3040</v>
      </c>
      <c r="F63" s="2" t="s">
        <v>3041</v>
      </c>
      <c r="G63" s="2" t="s">
        <v>3042</v>
      </c>
      <c r="H63" s="2" t="s">
        <v>3043</v>
      </c>
    </row>
    <row r="64" spans="1:8" x14ac:dyDescent="0.25">
      <c r="A64" s="4" t="s">
        <v>209</v>
      </c>
      <c r="B64" s="6" t="s">
        <v>3044</v>
      </c>
      <c r="C64" s="2" t="s">
        <v>51</v>
      </c>
      <c r="D64" s="2" t="s">
        <v>51</v>
      </c>
      <c r="E64" s="2" t="s">
        <v>51</v>
      </c>
      <c r="F64" s="2" t="s">
        <v>51</v>
      </c>
      <c r="G64" s="2" t="s">
        <v>51</v>
      </c>
      <c r="H64" s="2" t="s">
        <v>51</v>
      </c>
    </row>
    <row r="65" spans="1:8" x14ac:dyDescent="0.25">
      <c r="A65" s="4" t="s">
        <v>211</v>
      </c>
      <c r="B65" s="6" t="s">
        <v>3045</v>
      </c>
      <c r="C65" s="2" t="s">
        <v>51</v>
      </c>
      <c r="D65" s="2" t="s">
        <v>51</v>
      </c>
      <c r="E65" s="2" t="s">
        <v>51</v>
      </c>
      <c r="F65" s="2" t="s">
        <v>51</v>
      </c>
      <c r="G65" s="2" t="s">
        <v>51</v>
      </c>
      <c r="H65" s="2" t="s">
        <v>51</v>
      </c>
    </row>
    <row r="66" spans="1:8" x14ac:dyDescent="0.25">
      <c r="A66" s="4" t="s">
        <v>213</v>
      </c>
      <c r="B66" s="6" t="s">
        <v>3046</v>
      </c>
      <c r="C66" s="2" t="s">
        <v>51</v>
      </c>
      <c r="D66" s="2" t="s">
        <v>51</v>
      </c>
      <c r="E66" s="2" t="s">
        <v>51</v>
      </c>
      <c r="F66" s="2" t="s">
        <v>51</v>
      </c>
      <c r="G66" s="2" t="s">
        <v>51</v>
      </c>
      <c r="H66" s="2" t="s">
        <v>51</v>
      </c>
    </row>
    <row r="67" spans="1:8" x14ac:dyDescent="0.25">
      <c r="A67" s="4" t="s">
        <v>219</v>
      </c>
      <c r="B67" s="6" t="s">
        <v>3047</v>
      </c>
      <c r="C67" s="2" t="s">
        <v>51</v>
      </c>
      <c r="D67" s="2" t="s">
        <v>51</v>
      </c>
      <c r="E67" s="2" t="s">
        <v>51</v>
      </c>
      <c r="F67" s="2" t="s">
        <v>51</v>
      </c>
      <c r="G67" s="2" t="s">
        <v>51</v>
      </c>
      <c r="H67" s="2" t="s">
        <v>51</v>
      </c>
    </row>
    <row r="68" spans="1:8" x14ac:dyDescent="0.25">
      <c r="A68" s="5" t="s">
        <v>224</v>
      </c>
      <c r="B68" s="7" t="s">
        <v>3048</v>
      </c>
      <c r="C68" s="3" t="s">
        <v>3024</v>
      </c>
      <c r="D68" s="3" t="s">
        <v>3025</v>
      </c>
      <c r="E68" s="3" t="s">
        <v>3026</v>
      </c>
      <c r="F68" s="3" t="s">
        <v>3027</v>
      </c>
      <c r="G68" s="3" t="s">
        <v>3028</v>
      </c>
      <c r="H68" s="3" t="s">
        <v>3029</v>
      </c>
    </row>
    <row r="70" spans="1:8" x14ac:dyDescent="0.25">
      <c r="A70" s="11" t="s">
        <v>6</v>
      </c>
      <c r="B70" s="11" t="s">
        <v>3049</v>
      </c>
      <c r="C70" s="11" t="s">
        <v>632</v>
      </c>
      <c r="D70" s="11" t="s">
        <v>2082</v>
      </c>
      <c r="E70" s="11" t="s">
        <v>318</v>
      </c>
      <c r="F70" s="11" t="s">
        <v>7</v>
      </c>
      <c r="G70" s="11" t="s">
        <v>322</v>
      </c>
      <c r="H70" s="11" t="s">
        <v>322</v>
      </c>
    </row>
    <row r="71" spans="1:8" ht="31.5" x14ac:dyDescent="0.25">
      <c r="A71" s="11" t="s">
        <v>7</v>
      </c>
      <c r="B71" s="11" t="s">
        <v>7</v>
      </c>
      <c r="C71" s="11" t="s">
        <v>7</v>
      </c>
      <c r="D71" s="11" t="s">
        <v>7</v>
      </c>
      <c r="E71" s="1" t="s">
        <v>323</v>
      </c>
      <c r="F71" s="1" t="s">
        <v>3050</v>
      </c>
      <c r="G71" s="1" t="s">
        <v>3018</v>
      </c>
      <c r="H71" s="1" t="s">
        <v>3051</v>
      </c>
    </row>
    <row r="72" spans="1:8" x14ac:dyDescent="0.25">
      <c r="A72" s="4" t="s">
        <v>228</v>
      </c>
      <c r="B72" s="6" t="s">
        <v>3052</v>
      </c>
      <c r="C72" s="2" t="s">
        <v>3053</v>
      </c>
      <c r="D72" s="2" t="s">
        <v>3054</v>
      </c>
      <c r="E72" s="2" t="s">
        <v>3055</v>
      </c>
      <c r="F72" s="2" t="s">
        <v>3056</v>
      </c>
      <c r="G72" s="2" t="s">
        <v>3057</v>
      </c>
      <c r="H72" s="2" t="s">
        <v>3058</v>
      </c>
    </row>
    <row r="74" spans="1:8" x14ac:dyDescent="0.25">
      <c r="A74" s="11" t="s">
        <v>6</v>
      </c>
      <c r="B74" s="11" t="s">
        <v>3059</v>
      </c>
      <c r="C74" s="11" t="s">
        <v>2378</v>
      </c>
    </row>
    <row r="75" spans="1:8" x14ac:dyDescent="0.25">
      <c r="A75" s="11" t="s">
        <v>7</v>
      </c>
      <c r="B75" s="11" t="s">
        <v>7</v>
      </c>
      <c r="C75" s="11" t="s">
        <v>7</v>
      </c>
    </row>
    <row r="76" spans="1:8" x14ac:dyDescent="0.25">
      <c r="A76" s="4" t="s">
        <v>230</v>
      </c>
      <c r="B76" s="6" t="s">
        <v>3060</v>
      </c>
      <c r="C76" s="2" t="s">
        <v>3061</v>
      </c>
    </row>
    <row r="78" spans="1:8" x14ac:dyDescent="0.25">
      <c r="A78" s="11" t="s">
        <v>6</v>
      </c>
      <c r="B78" s="11" t="s">
        <v>3062</v>
      </c>
      <c r="C78" s="11" t="s">
        <v>2378</v>
      </c>
    </row>
    <row r="79" spans="1:8" x14ac:dyDescent="0.25">
      <c r="A79" s="11" t="s">
        <v>7</v>
      </c>
      <c r="B79" s="11" t="s">
        <v>7</v>
      </c>
      <c r="C79" s="11" t="s">
        <v>7</v>
      </c>
    </row>
    <row r="80" spans="1:8" x14ac:dyDescent="0.25">
      <c r="A80" s="4" t="s">
        <v>236</v>
      </c>
      <c r="B80" s="6" t="s">
        <v>3063</v>
      </c>
      <c r="C80" s="2" t="s">
        <v>3064</v>
      </c>
    </row>
    <row r="82" spans="1:7" x14ac:dyDescent="0.25">
      <c r="A82" s="11" t="s">
        <v>6</v>
      </c>
      <c r="B82" s="11" t="s">
        <v>3065</v>
      </c>
      <c r="C82" s="11" t="s">
        <v>3066</v>
      </c>
      <c r="D82" s="11" t="s">
        <v>3067</v>
      </c>
      <c r="E82" s="11" t="s">
        <v>3068</v>
      </c>
      <c r="F82" s="11" t="s">
        <v>3069</v>
      </c>
      <c r="G82" s="11" t="s">
        <v>3070</v>
      </c>
    </row>
    <row r="83" spans="1:7" x14ac:dyDescent="0.25">
      <c r="A83" s="11" t="s">
        <v>7</v>
      </c>
      <c r="B83" s="11" t="s">
        <v>7</v>
      </c>
      <c r="C83" s="11" t="s">
        <v>7</v>
      </c>
      <c r="D83" s="11" t="s">
        <v>7</v>
      </c>
      <c r="E83" s="11" t="s">
        <v>7</v>
      </c>
      <c r="F83" s="11" t="s">
        <v>7</v>
      </c>
      <c r="G83" s="11" t="s">
        <v>7</v>
      </c>
    </row>
    <row r="84" spans="1:7" x14ac:dyDescent="0.25">
      <c r="A84" s="4" t="s">
        <v>242</v>
      </c>
      <c r="B84" s="6" t="s">
        <v>3071</v>
      </c>
      <c r="C84" s="2" t="s">
        <v>51</v>
      </c>
      <c r="D84" s="2" t="s">
        <v>51</v>
      </c>
      <c r="E84" s="2" t="s">
        <v>51</v>
      </c>
      <c r="F84" s="2" t="s">
        <v>51</v>
      </c>
      <c r="G84" s="2" t="s">
        <v>51</v>
      </c>
    </row>
    <row r="85" spans="1:7" x14ac:dyDescent="0.25">
      <c r="A85" s="4" t="s">
        <v>247</v>
      </c>
      <c r="B85" s="6" t="s">
        <v>3072</v>
      </c>
      <c r="C85" s="2" t="s">
        <v>3073</v>
      </c>
      <c r="D85" s="2" t="s">
        <v>3074</v>
      </c>
      <c r="E85" s="2" t="s">
        <v>3075</v>
      </c>
      <c r="F85" s="2" t="s">
        <v>3076</v>
      </c>
      <c r="G85" s="2" t="s">
        <v>51</v>
      </c>
    </row>
    <row r="86" spans="1:7" x14ac:dyDescent="0.25">
      <c r="A86" s="4" t="s">
        <v>252</v>
      </c>
      <c r="B86" s="6" t="s">
        <v>3077</v>
      </c>
      <c r="C86" s="2" t="s">
        <v>3078</v>
      </c>
      <c r="D86" s="2" t="s">
        <v>3079</v>
      </c>
      <c r="E86" s="2" t="s">
        <v>3080</v>
      </c>
      <c r="F86" s="2" t="s">
        <v>3081</v>
      </c>
      <c r="G86" s="2" t="s">
        <v>51</v>
      </c>
    </row>
    <row r="87" spans="1:7" x14ac:dyDescent="0.25">
      <c r="A87" s="4" t="s">
        <v>253</v>
      </c>
      <c r="B87" s="6" t="s">
        <v>3082</v>
      </c>
      <c r="C87" s="2" t="s">
        <v>3083</v>
      </c>
      <c r="D87" s="2" t="s">
        <v>1102</v>
      </c>
      <c r="E87" s="2" t="s">
        <v>3084</v>
      </c>
      <c r="F87" s="2" t="s">
        <v>3085</v>
      </c>
      <c r="G87" s="2" t="s">
        <v>51</v>
      </c>
    </row>
    <row r="88" spans="1:7" x14ac:dyDescent="0.25">
      <c r="A88" s="4" t="s">
        <v>258</v>
      </c>
      <c r="B88" s="6" t="s">
        <v>3086</v>
      </c>
      <c r="C88" s="2" t="s">
        <v>3087</v>
      </c>
      <c r="D88" s="2" t="s">
        <v>51</v>
      </c>
      <c r="E88" s="2" t="s">
        <v>51</v>
      </c>
      <c r="F88" s="2" t="s">
        <v>3087</v>
      </c>
      <c r="G88" s="2" t="s">
        <v>51</v>
      </c>
    </row>
    <row r="89" spans="1:7" x14ac:dyDescent="0.25">
      <c r="A89" s="4" t="s">
        <v>259</v>
      </c>
      <c r="B89" s="6" t="s">
        <v>3088</v>
      </c>
      <c r="C89" s="2" t="s">
        <v>3078</v>
      </c>
      <c r="D89" s="2" t="s">
        <v>51</v>
      </c>
      <c r="E89" s="2" t="s">
        <v>51</v>
      </c>
      <c r="F89" s="2" t="s">
        <v>3078</v>
      </c>
      <c r="G89" s="2" t="s">
        <v>51</v>
      </c>
    </row>
    <row r="90" spans="1:7" x14ac:dyDescent="0.25">
      <c r="A90" s="5" t="s">
        <v>261</v>
      </c>
      <c r="B90" s="7" t="s">
        <v>3089</v>
      </c>
      <c r="C90" s="3" t="s">
        <v>3090</v>
      </c>
      <c r="D90" s="3" t="s">
        <v>3091</v>
      </c>
      <c r="E90" s="3" t="s">
        <v>3092</v>
      </c>
      <c r="F90" s="3" t="s">
        <v>3093</v>
      </c>
      <c r="G90" s="3" t="s">
        <v>51</v>
      </c>
    </row>
    <row r="92" spans="1:7" x14ac:dyDescent="0.25">
      <c r="A92" s="11" t="s">
        <v>6</v>
      </c>
      <c r="B92" s="11" t="s">
        <v>3094</v>
      </c>
      <c r="C92" s="11" t="s">
        <v>3095</v>
      </c>
      <c r="D92" s="11" t="s">
        <v>7</v>
      </c>
      <c r="E92" s="11" t="s">
        <v>3095</v>
      </c>
    </row>
    <row r="93" spans="1:7" ht="21" x14ac:dyDescent="0.25">
      <c r="A93" s="11" t="s">
        <v>7</v>
      </c>
      <c r="B93" s="11" t="s">
        <v>7</v>
      </c>
      <c r="C93" s="1" t="s">
        <v>3096</v>
      </c>
      <c r="D93" s="1" t="s">
        <v>3097</v>
      </c>
      <c r="E93" s="1" t="s">
        <v>3098</v>
      </c>
    </row>
    <row r="94" spans="1:7" x14ac:dyDescent="0.25">
      <c r="A94" s="4" t="s">
        <v>263</v>
      </c>
      <c r="B94" s="6" t="s">
        <v>3099</v>
      </c>
      <c r="C94" s="2" t="s">
        <v>51</v>
      </c>
      <c r="D94" s="2" t="s">
        <v>51</v>
      </c>
      <c r="E94" s="2" t="s">
        <v>51</v>
      </c>
    </row>
    <row r="95" spans="1:7" x14ac:dyDescent="0.25">
      <c r="A95" s="4" t="s">
        <v>264</v>
      </c>
      <c r="B95" s="6" t="s">
        <v>3100</v>
      </c>
      <c r="C95" s="2" t="s">
        <v>51</v>
      </c>
      <c r="D95" s="2" t="s">
        <v>51</v>
      </c>
      <c r="E95" s="2" t="s">
        <v>51</v>
      </c>
    </row>
    <row r="96" spans="1:7" x14ac:dyDescent="0.25">
      <c r="A96" s="4" t="s">
        <v>267</v>
      </c>
      <c r="B96" s="6" t="s">
        <v>3101</v>
      </c>
      <c r="C96" s="2" t="s">
        <v>51</v>
      </c>
      <c r="D96" s="2" t="s">
        <v>51</v>
      </c>
      <c r="E96" s="2" t="s">
        <v>51</v>
      </c>
    </row>
    <row r="97" spans="1:8" x14ac:dyDescent="0.25">
      <c r="A97" s="4" t="s">
        <v>269</v>
      </c>
      <c r="B97" s="6" t="s">
        <v>3102</v>
      </c>
      <c r="C97" s="2" t="s">
        <v>51</v>
      </c>
      <c r="D97" s="2" t="s">
        <v>51</v>
      </c>
      <c r="E97" s="2" t="s">
        <v>51</v>
      </c>
    </row>
    <row r="98" spans="1:8" x14ac:dyDescent="0.25">
      <c r="A98" s="4" t="s">
        <v>271</v>
      </c>
      <c r="B98" s="6" t="s">
        <v>3103</v>
      </c>
      <c r="C98" s="2" t="s">
        <v>51</v>
      </c>
      <c r="D98" s="2" t="s">
        <v>51</v>
      </c>
      <c r="E98" s="2" t="s">
        <v>51</v>
      </c>
    </row>
    <row r="99" spans="1:8" x14ac:dyDescent="0.25">
      <c r="A99" s="4" t="s">
        <v>273</v>
      </c>
      <c r="B99" s="6" t="s">
        <v>3088</v>
      </c>
      <c r="C99" s="2" t="s">
        <v>51</v>
      </c>
      <c r="D99" s="2" t="s">
        <v>51</v>
      </c>
      <c r="E99" s="2" t="s">
        <v>51</v>
      </c>
    </row>
    <row r="100" spans="1:8" x14ac:dyDescent="0.25">
      <c r="A100" s="5" t="s">
        <v>275</v>
      </c>
      <c r="B100" s="7" t="s">
        <v>3104</v>
      </c>
      <c r="C100" s="3" t="s">
        <v>51</v>
      </c>
      <c r="D100" s="3" t="s">
        <v>51</v>
      </c>
      <c r="E100" s="3" t="s">
        <v>51</v>
      </c>
    </row>
    <row r="102" spans="1:8" x14ac:dyDescent="0.25">
      <c r="A102" s="11" t="s">
        <v>6</v>
      </c>
      <c r="B102" s="11" t="s">
        <v>3105</v>
      </c>
      <c r="C102" s="11" t="s">
        <v>3106</v>
      </c>
      <c r="D102" s="11" t="s">
        <v>7</v>
      </c>
      <c r="E102" s="11" t="s">
        <v>3106</v>
      </c>
    </row>
    <row r="103" spans="1:8" ht="21" x14ac:dyDescent="0.25">
      <c r="A103" s="11" t="s">
        <v>7</v>
      </c>
      <c r="B103" s="11" t="s">
        <v>7</v>
      </c>
      <c r="C103" s="1" t="s">
        <v>3096</v>
      </c>
      <c r="D103" s="1" t="s">
        <v>3107</v>
      </c>
      <c r="E103" s="1" t="s">
        <v>3098</v>
      </c>
    </row>
    <row r="104" spans="1:8" x14ac:dyDescent="0.25">
      <c r="A104" s="4" t="s">
        <v>282</v>
      </c>
      <c r="B104" s="6" t="s">
        <v>3108</v>
      </c>
      <c r="C104" s="2" t="s">
        <v>51</v>
      </c>
      <c r="D104" s="2" t="s">
        <v>51</v>
      </c>
      <c r="E104" s="2" t="s">
        <v>51</v>
      </c>
    </row>
    <row r="105" spans="1:8" x14ac:dyDescent="0.25">
      <c r="A105" s="4" t="s">
        <v>289</v>
      </c>
      <c r="B105" s="6" t="s">
        <v>3109</v>
      </c>
      <c r="C105" s="2" t="s">
        <v>51</v>
      </c>
      <c r="D105" s="2" t="s">
        <v>51</v>
      </c>
      <c r="E105" s="2" t="s">
        <v>51</v>
      </c>
    </row>
    <row r="106" spans="1:8" x14ac:dyDescent="0.25">
      <c r="A106" s="4" t="s">
        <v>291</v>
      </c>
      <c r="B106" s="6" t="s">
        <v>3110</v>
      </c>
      <c r="C106" s="2" t="s">
        <v>51</v>
      </c>
      <c r="D106" s="2" t="s">
        <v>51</v>
      </c>
      <c r="E106" s="2" t="s">
        <v>51</v>
      </c>
    </row>
    <row r="107" spans="1:8" x14ac:dyDescent="0.25">
      <c r="A107" s="4" t="s">
        <v>293</v>
      </c>
      <c r="B107" s="6" t="s">
        <v>3111</v>
      </c>
      <c r="C107" s="2" t="s">
        <v>51</v>
      </c>
      <c r="D107" s="2" t="s">
        <v>51</v>
      </c>
      <c r="E107" s="2" t="s">
        <v>51</v>
      </c>
    </row>
    <row r="108" spans="1:8" x14ac:dyDescent="0.25">
      <c r="A108" s="4" t="s">
        <v>295</v>
      </c>
      <c r="B108" s="6" t="s">
        <v>3112</v>
      </c>
      <c r="C108" s="2" t="s">
        <v>51</v>
      </c>
      <c r="D108" s="2" t="s">
        <v>51</v>
      </c>
      <c r="E108" s="2" t="s">
        <v>51</v>
      </c>
    </row>
    <row r="109" spans="1:8" x14ac:dyDescent="0.25">
      <c r="A109" s="4" t="s">
        <v>297</v>
      </c>
      <c r="B109" s="6" t="s">
        <v>3113</v>
      </c>
      <c r="C109" s="2" t="s">
        <v>51</v>
      </c>
      <c r="D109" s="2" t="s">
        <v>51</v>
      </c>
      <c r="E109" s="2" t="s">
        <v>51</v>
      </c>
    </row>
    <row r="110" spans="1:8" x14ac:dyDescent="0.25">
      <c r="A110" s="5" t="s">
        <v>299</v>
      </c>
      <c r="B110" s="7" t="s">
        <v>3114</v>
      </c>
      <c r="C110" s="3" t="s">
        <v>51</v>
      </c>
      <c r="D110" s="3" t="s">
        <v>51</v>
      </c>
      <c r="E110" s="3" t="s">
        <v>51</v>
      </c>
    </row>
    <row r="112" spans="1:8" x14ac:dyDescent="0.25">
      <c r="A112" s="11" t="s">
        <v>6</v>
      </c>
      <c r="B112" s="11" t="s">
        <v>3115</v>
      </c>
      <c r="C112" s="11" t="s">
        <v>632</v>
      </c>
      <c r="D112" s="11" t="s">
        <v>2082</v>
      </c>
      <c r="E112" s="11" t="s">
        <v>318</v>
      </c>
      <c r="F112" s="11" t="s">
        <v>7</v>
      </c>
      <c r="G112" s="11" t="s">
        <v>322</v>
      </c>
      <c r="H112" s="11" t="s">
        <v>322</v>
      </c>
    </row>
    <row r="113" spans="1:8" ht="31.5" x14ac:dyDescent="0.25">
      <c r="A113" s="11" t="s">
        <v>7</v>
      </c>
      <c r="B113" s="11" t="s">
        <v>7</v>
      </c>
      <c r="C113" s="11" t="s">
        <v>7</v>
      </c>
      <c r="D113" s="11" t="s">
        <v>7</v>
      </c>
      <c r="E113" s="1" t="s">
        <v>3116</v>
      </c>
      <c r="F113" s="1" t="s">
        <v>3117</v>
      </c>
      <c r="G113" s="1" t="s">
        <v>3118</v>
      </c>
      <c r="H113" s="1" t="s">
        <v>3119</v>
      </c>
    </row>
    <row r="114" spans="1:8" x14ac:dyDescent="0.25">
      <c r="A114" s="4" t="s">
        <v>300</v>
      </c>
      <c r="B114" s="6" t="s">
        <v>3120</v>
      </c>
      <c r="C114" s="2" t="s">
        <v>3121</v>
      </c>
      <c r="D114" s="2" t="s">
        <v>3121</v>
      </c>
      <c r="E114" s="2" t="s">
        <v>900</v>
      </c>
      <c r="F114" s="2" t="s">
        <v>3122</v>
      </c>
      <c r="G114" s="2" t="s">
        <v>903</v>
      </c>
      <c r="H114" s="2" t="s">
        <v>3123</v>
      </c>
    </row>
    <row r="115" spans="1:8" x14ac:dyDescent="0.25">
      <c r="A115" s="4" t="s">
        <v>301</v>
      </c>
      <c r="B115" s="6" t="s">
        <v>3124</v>
      </c>
      <c r="C115" s="2" t="s">
        <v>907</v>
      </c>
      <c r="D115" s="2" t="s">
        <v>908</v>
      </c>
      <c r="E115" s="2" t="s">
        <v>909</v>
      </c>
      <c r="F115" s="2" t="s">
        <v>3125</v>
      </c>
      <c r="G115" s="2" t="s">
        <v>912</v>
      </c>
      <c r="H115" s="2" t="s">
        <v>3126</v>
      </c>
    </row>
    <row r="116" spans="1:8" x14ac:dyDescent="0.25">
      <c r="A116" s="4" t="s">
        <v>303</v>
      </c>
      <c r="B116" s="6" t="s">
        <v>3127</v>
      </c>
      <c r="C116" s="2" t="s">
        <v>916</v>
      </c>
      <c r="D116" s="2" t="s">
        <v>917</v>
      </c>
      <c r="E116" s="2" t="s">
        <v>918</v>
      </c>
      <c r="F116" s="2" t="s">
        <v>3128</v>
      </c>
      <c r="G116" s="2" t="s">
        <v>921</v>
      </c>
      <c r="H116" s="2" t="s">
        <v>3129</v>
      </c>
    </row>
    <row r="117" spans="1:8" x14ac:dyDescent="0.25">
      <c r="A117" s="4" t="s">
        <v>305</v>
      </c>
      <c r="B117" s="6" t="s">
        <v>3130</v>
      </c>
      <c r="C117" s="2" t="s">
        <v>51</v>
      </c>
      <c r="D117" s="2" t="s">
        <v>51</v>
      </c>
      <c r="E117" s="2" t="s">
        <v>51</v>
      </c>
      <c r="F117" s="2" t="s">
        <v>51</v>
      </c>
      <c r="G117" s="2" t="s">
        <v>51</v>
      </c>
      <c r="H117" s="2" t="s">
        <v>51</v>
      </c>
    </row>
    <row r="118" spans="1:8" x14ac:dyDescent="0.25">
      <c r="A118" s="4" t="s">
        <v>307</v>
      </c>
      <c r="B118" s="6" t="s">
        <v>3131</v>
      </c>
      <c r="C118" s="2" t="s">
        <v>926</v>
      </c>
      <c r="D118" s="2" t="s">
        <v>926</v>
      </c>
      <c r="E118" s="2" t="s">
        <v>927</v>
      </c>
      <c r="F118" s="2" t="s">
        <v>3132</v>
      </c>
      <c r="G118" s="2" t="s">
        <v>929</v>
      </c>
      <c r="H118" s="2" t="s">
        <v>1083</v>
      </c>
    </row>
    <row r="119" spans="1:8" x14ac:dyDescent="0.25">
      <c r="A119" s="4" t="s">
        <v>309</v>
      </c>
      <c r="B119" s="6" t="s">
        <v>3133</v>
      </c>
      <c r="C119" s="2" t="s">
        <v>51</v>
      </c>
      <c r="D119" s="2" t="s">
        <v>51</v>
      </c>
      <c r="E119" s="2" t="s">
        <v>51</v>
      </c>
      <c r="F119" s="2" t="s">
        <v>51</v>
      </c>
      <c r="G119" s="2" t="s">
        <v>51</v>
      </c>
      <c r="H119" s="2" t="s">
        <v>51</v>
      </c>
    </row>
    <row r="120" spans="1:8" x14ac:dyDescent="0.25">
      <c r="A120" s="4" t="s">
        <v>311</v>
      </c>
      <c r="B120" s="6" t="s">
        <v>3134</v>
      </c>
      <c r="C120" s="2" t="s">
        <v>3135</v>
      </c>
      <c r="D120" s="2" t="s">
        <v>3136</v>
      </c>
      <c r="E120" s="2" t="s">
        <v>3137</v>
      </c>
      <c r="F120" s="2" t="s">
        <v>3138</v>
      </c>
      <c r="G120" s="2" t="s">
        <v>3139</v>
      </c>
      <c r="H120" s="2" t="s">
        <v>3140</v>
      </c>
    </row>
    <row r="121" spans="1:8" x14ac:dyDescent="0.25">
      <c r="A121" s="5" t="s">
        <v>313</v>
      </c>
      <c r="B121" s="7" t="s">
        <v>3089</v>
      </c>
      <c r="C121" s="3" t="s">
        <v>3010</v>
      </c>
      <c r="D121" s="3" t="s">
        <v>3011</v>
      </c>
      <c r="E121" s="3" t="s">
        <v>3012</v>
      </c>
      <c r="F121" s="3" t="s">
        <v>1216</v>
      </c>
      <c r="G121" s="3" t="s">
        <v>3014</v>
      </c>
      <c r="H121" s="3" t="s">
        <v>1216</v>
      </c>
    </row>
  </sheetData>
  <mergeCells count="59">
    <mergeCell ref="A3:H3"/>
    <mergeCell ref="A4:H4"/>
    <mergeCell ref="A5:H5"/>
    <mergeCell ref="A6:H6"/>
    <mergeCell ref="A7:H7"/>
    <mergeCell ref="A9:H9"/>
    <mergeCell ref="A10:A11"/>
    <mergeCell ref="B10:B11"/>
    <mergeCell ref="C10:C11"/>
    <mergeCell ref="D10:D11"/>
    <mergeCell ref="E10:F10"/>
    <mergeCell ref="A32:A33"/>
    <mergeCell ref="B32:B33"/>
    <mergeCell ref="C32:C33"/>
    <mergeCell ref="D32:D33"/>
    <mergeCell ref="E32:F32"/>
    <mergeCell ref="G44:H44"/>
    <mergeCell ref="A56:A57"/>
    <mergeCell ref="B56:B57"/>
    <mergeCell ref="C56:C57"/>
    <mergeCell ref="D56:D57"/>
    <mergeCell ref="E56:F56"/>
    <mergeCell ref="G56:H56"/>
    <mergeCell ref="A44:A45"/>
    <mergeCell ref="B44:B45"/>
    <mergeCell ref="C44:C45"/>
    <mergeCell ref="D44:D45"/>
    <mergeCell ref="E44:F44"/>
    <mergeCell ref="G70:H70"/>
    <mergeCell ref="A74:A75"/>
    <mergeCell ref="B74:B75"/>
    <mergeCell ref="C74:C75"/>
    <mergeCell ref="A78:A79"/>
    <mergeCell ref="B78:B79"/>
    <mergeCell ref="C78:C79"/>
    <mergeCell ref="A70:A71"/>
    <mergeCell ref="B70:B71"/>
    <mergeCell ref="C70:C71"/>
    <mergeCell ref="D70:D71"/>
    <mergeCell ref="E70:F70"/>
    <mergeCell ref="F82:F83"/>
    <mergeCell ref="G82:G83"/>
    <mergeCell ref="A92:A93"/>
    <mergeCell ref="B92:B93"/>
    <mergeCell ref="C92:E92"/>
    <mergeCell ref="A82:A83"/>
    <mergeCell ref="B82:B83"/>
    <mergeCell ref="C82:C83"/>
    <mergeCell ref="D82:D83"/>
    <mergeCell ref="E82:E83"/>
    <mergeCell ref="G112:H112"/>
    <mergeCell ref="A102:A103"/>
    <mergeCell ref="B102:B103"/>
    <mergeCell ref="C102:E102"/>
    <mergeCell ref="A112:A113"/>
    <mergeCell ref="B112:B113"/>
    <mergeCell ref="C112:C113"/>
    <mergeCell ref="D112:D113"/>
    <mergeCell ref="E112:F112"/>
  </mergeCells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M32"/>
  <sheetViews>
    <sheetView showGridLines="0" workbookViewId="0"/>
  </sheetViews>
  <sheetFormatPr defaultRowHeight="15" x14ac:dyDescent="0.25"/>
  <cols>
    <col min="1" max="1" width="2.140625" bestFit="1" customWidth="1"/>
    <col min="2" max="2" width="34.42578125" bestFit="1" customWidth="1"/>
    <col min="3" max="3" width="3.28515625" bestFit="1" customWidth="1"/>
    <col min="4" max="4" width="8.5703125" bestFit="1" customWidth="1"/>
    <col min="5" max="5" width="10.140625" bestFit="1" customWidth="1"/>
  </cols>
  <sheetData>
    <row r="3" spans="1:13" x14ac:dyDescent="0.25">
      <c r="A3" s="14" t="s">
        <v>0</v>
      </c>
      <c r="B3" s="13"/>
      <c r="C3" s="13"/>
      <c r="D3" s="13"/>
      <c r="E3" s="13"/>
      <c r="F3" s="13"/>
      <c r="G3" s="13"/>
      <c r="H3" s="13"/>
      <c r="I3" s="13"/>
      <c r="J3" s="13"/>
      <c r="K3" s="13"/>
      <c r="L3" s="13"/>
      <c r="M3" s="13"/>
    </row>
    <row r="4" spans="1:13" x14ac:dyDescent="0.25">
      <c r="A4" s="14" t="s">
        <v>1</v>
      </c>
      <c r="B4" s="13"/>
      <c r="C4" s="13"/>
      <c r="D4" s="13"/>
      <c r="E4" s="13"/>
      <c r="F4" s="13"/>
      <c r="G4" s="13"/>
      <c r="H4" s="13"/>
      <c r="I4" s="13"/>
      <c r="J4" s="13"/>
      <c r="K4" s="13"/>
      <c r="L4" s="13"/>
      <c r="M4" s="13"/>
    </row>
    <row r="5" spans="1:13" x14ac:dyDescent="0.25">
      <c r="A5" s="15" t="s">
        <v>3141</v>
      </c>
      <c r="B5" s="13"/>
      <c r="C5" s="13"/>
      <c r="D5" s="13"/>
      <c r="E5" s="13"/>
      <c r="F5" s="13"/>
      <c r="G5" s="13"/>
      <c r="H5" s="13"/>
      <c r="I5" s="13"/>
      <c r="J5" s="13"/>
      <c r="K5" s="13"/>
      <c r="L5" s="13"/>
      <c r="M5" s="13"/>
    </row>
    <row r="6" spans="1:13" x14ac:dyDescent="0.25">
      <c r="A6" s="14" t="s">
        <v>3</v>
      </c>
      <c r="B6" s="13"/>
      <c r="C6" s="13"/>
      <c r="D6" s="13"/>
      <c r="E6" s="13"/>
      <c r="F6" s="13"/>
      <c r="G6" s="13"/>
      <c r="H6" s="13"/>
      <c r="I6" s="13"/>
      <c r="J6" s="13"/>
      <c r="K6" s="13"/>
      <c r="L6" s="13"/>
      <c r="M6" s="13"/>
    </row>
    <row r="7" spans="1:13" x14ac:dyDescent="0.25">
      <c r="A7" s="14" t="s">
        <v>4</v>
      </c>
      <c r="B7" s="13"/>
      <c r="C7" s="13"/>
      <c r="D7" s="13"/>
      <c r="E7" s="13"/>
      <c r="F7" s="13"/>
      <c r="G7" s="13"/>
      <c r="H7" s="13"/>
      <c r="I7" s="13"/>
      <c r="J7" s="13"/>
      <c r="K7" s="13"/>
      <c r="L7" s="13"/>
      <c r="M7" s="13"/>
    </row>
    <row r="9" spans="1:13" x14ac:dyDescent="0.25">
      <c r="A9" s="12" t="s">
        <v>3142</v>
      </c>
      <c r="B9" s="13"/>
      <c r="C9" s="13"/>
      <c r="D9" s="13"/>
      <c r="E9" s="13"/>
      <c r="F9" s="13"/>
      <c r="G9" s="13"/>
      <c r="H9" s="13"/>
      <c r="I9" s="13"/>
      <c r="J9" s="13"/>
      <c r="K9" s="13"/>
      <c r="L9" s="13"/>
      <c r="M9" s="13"/>
    </row>
    <row r="10" spans="1:13" x14ac:dyDescent="0.25">
      <c r="A10" s="11" t="s">
        <v>6</v>
      </c>
      <c r="B10" s="11" t="s">
        <v>3143</v>
      </c>
      <c r="C10" s="11" t="s">
        <v>3144</v>
      </c>
      <c r="D10" s="11" t="s">
        <v>3145</v>
      </c>
      <c r="E10" s="11" t="s">
        <v>3145</v>
      </c>
    </row>
    <row r="11" spans="1:13" ht="31.5" x14ac:dyDescent="0.25">
      <c r="A11" s="11" t="s">
        <v>7</v>
      </c>
      <c r="B11" s="11" t="s">
        <v>7</v>
      </c>
      <c r="C11" s="11" t="s">
        <v>7</v>
      </c>
      <c r="D11" s="1" t="s">
        <v>319</v>
      </c>
      <c r="E11" s="1" t="s">
        <v>3146</v>
      </c>
    </row>
    <row r="12" spans="1:13" x14ac:dyDescent="0.25">
      <c r="A12" s="5" t="s">
        <v>17</v>
      </c>
      <c r="B12" s="7" t="s">
        <v>3147</v>
      </c>
      <c r="C12" s="3" t="s">
        <v>51</v>
      </c>
      <c r="D12" s="3" t="s">
        <v>51</v>
      </c>
      <c r="E12" s="3" t="s">
        <v>51</v>
      </c>
    </row>
    <row r="13" spans="1:13" x14ac:dyDescent="0.25">
      <c r="A13" s="4" t="s">
        <v>24</v>
      </c>
      <c r="B13" s="6" t="s">
        <v>3148</v>
      </c>
      <c r="C13" s="2" t="s">
        <v>51</v>
      </c>
      <c r="D13" s="2" t="s">
        <v>51</v>
      </c>
      <c r="E13" s="2" t="s">
        <v>51</v>
      </c>
    </row>
    <row r="14" spans="1:13" x14ac:dyDescent="0.25">
      <c r="A14" s="5" t="s">
        <v>31</v>
      </c>
      <c r="B14" s="7" t="s">
        <v>3149</v>
      </c>
      <c r="C14" s="3" t="s">
        <v>51</v>
      </c>
      <c r="D14" s="3" t="s">
        <v>51</v>
      </c>
      <c r="E14" s="3" t="s">
        <v>51</v>
      </c>
    </row>
    <row r="15" spans="1:13" x14ac:dyDescent="0.25">
      <c r="A15" s="4" t="s">
        <v>37</v>
      </c>
      <c r="B15" s="6" t="s">
        <v>3150</v>
      </c>
      <c r="C15" s="2" t="s">
        <v>51</v>
      </c>
      <c r="D15" s="2" t="s">
        <v>51</v>
      </c>
      <c r="E15" s="2" t="s">
        <v>51</v>
      </c>
    </row>
    <row r="16" spans="1:13" x14ac:dyDescent="0.25">
      <c r="A16" s="4" t="s">
        <v>43</v>
      </c>
      <c r="B16" s="6" t="s">
        <v>3151</v>
      </c>
      <c r="C16" s="2" t="s">
        <v>51</v>
      </c>
      <c r="D16" s="2" t="s">
        <v>51</v>
      </c>
      <c r="E16" s="2" t="s">
        <v>51</v>
      </c>
    </row>
    <row r="17" spans="1:13" x14ac:dyDescent="0.25">
      <c r="A17" s="4" t="s">
        <v>49</v>
      </c>
      <c r="B17" s="6" t="s">
        <v>3152</v>
      </c>
      <c r="C17" s="2" t="s">
        <v>51</v>
      </c>
      <c r="D17" s="2" t="s">
        <v>51</v>
      </c>
      <c r="E17" s="2" t="s">
        <v>51</v>
      </c>
    </row>
    <row r="18" spans="1:13" x14ac:dyDescent="0.25">
      <c r="A18" s="5" t="s">
        <v>52</v>
      </c>
      <c r="B18" s="7" t="s">
        <v>3153</v>
      </c>
      <c r="C18" s="3" t="s">
        <v>51</v>
      </c>
      <c r="D18" s="3" t="s">
        <v>51</v>
      </c>
      <c r="E18" s="3" t="s">
        <v>51</v>
      </c>
    </row>
    <row r="19" spans="1:13" x14ac:dyDescent="0.25">
      <c r="A19" s="4" t="s">
        <v>59</v>
      </c>
      <c r="B19" s="6" t="s">
        <v>3154</v>
      </c>
      <c r="C19" s="2" t="s">
        <v>51</v>
      </c>
      <c r="D19" s="2" t="s">
        <v>51</v>
      </c>
      <c r="E19" s="2" t="s">
        <v>51</v>
      </c>
    </row>
    <row r="20" spans="1:13" x14ac:dyDescent="0.25">
      <c r="A20" s="4" t="s">
        <v>61</v>
      </c>
      <c r="B20" s="6" t="s">
        <v>3155</v>
      </c>
      <c r="C20" s="2" t="s">
        <v>51</v>
      </c>
      <c r="D20" s="2" t="s">
        <v>51</v>
      </c>
      <c r="E20" s="2" t="s">
        <v>51</v>
      </c>
    </row>
    <row r="21" spans="1:13" x14ac:dyDescent="0.25">
      <c r="A21" s="4" t="s">
        <v>63</v>
      </c>
      <c r="B21" s="6" t="s">
        <v>3156</v>
      </c>
      <c r="C21" s="2" t="s">
        <v>51</v>
      </c>
      <c r="D21" s="2" t="s">
        <v>51</v>
      </c>
      <c r="E21" s="2" t="s">
        <v>51</v>
      </c>
    </row>
    <row r="22" spans="1:13" x14ac:dyDescent="0.25">
      <c r="A22" s="4" t="s">
        <v>65</v>
      </c>
      <c r="B22" s="6" t="s">
        <v>3157</v>
      </c>
      <c r="C22" s="2" t="s">
        <v>51</v>
      </c>
      <c r="D22" s="2" t="s">
        <v>51</v>
      </c>
      <c r="E22" s="2" t="s">
        <v>51</v>
      </c>
    </row>
    <row r="24" spans="1:13" x14ac:dyDescent="0.25">
      <c r="A24" s="11" t="s">
        <v>6</v>
      </c>
      <c r="B24" s="11" t="s">
        <v>3158</v>
      </c>
      <c r="C24" s="11" t="s">
        <v>3159</v>
      </c>
      <c r="D24" s="11" t="s">
        <v>3160</v>
      </c>
      <c r="E24" s="11" t="s">
        <v>3161</v>
      </c>
      <c r="F24" s="11" t="s">
        <v>3162</v>
      </c>
      <c r="G24" s="11" t="s">
        <v>3163</v>
      </c>
      <c r="H24" s="11" t="s">
        <v>3164</v>
      </c>
      <c r="I24" s="11" t="s">
        <v>3165</v>
      </c>
      <c r="J24" s="11" t="s">
        <v>3166</v>
      </c>
      <c r="K24" s="11" t="s">
        <v>3167</v>
      </c>
      <c r="L24" s="11" t="s">
        <v>3168</v>
      </c>
      <c r="M24" s="11" t="s">
        <v>3169</v>
      </c>
    </row>
    <row r="25" spans="1:13" x14ac:dyDescent="0.25">
      <c r="A25" s="11" t="s">
        <v>7</v>
      </c>
      <c r="B25" s="11" t="s">
        <v>7</v>
      </c>
      <c r="C25" s="11" t="s">
        <v>7</v>
      </c>
      <c r="D25" s="11" t="s">
        <v>7</v>
      </c>
      <c r="E25" s="11" t="s">
        <v>7</v>
      </c>
      <c r="F25" s="11" t="s">
        <v>7</v>
      </c>
      <c r="G25" s="11" t="s">
        <v>7</v>
      </c>
      <c r="H25" s="11" t="s">
        <v>7</v>
      </c>
      <c r="I25" s="11" t="s">
        <v>7</v>
      </c>
      <c r="J25" s="11" t="s">
        <v>7</v>
      </c>
      <c r="K25" s="11" t="s">
        <v>7</v>
      </c>
      <c r="L25" s="11" t="s">
        <v>7</v>
      </c>
      <c r="M25" s="11" t="s">
        <v>7</v>
      </c>
    </row>
    <row r="26" spans="1:13" x14ac:dyDescent="0.25">
      <c r="A26" s="4" t="s">
        <v>67</v>
      </c>
      <c r="B26" s="6" t="s">
        <v>3170</v>
      </c>
      <c r="C26" s="2" t="s">
        <v>51</v>
      </c>
      <c r="D26" s="2" t="s">
        <v>51</v>
      </c>
      <c r="E26" s="2" t="s">
        <v>51</v>
      </c>
      <c r="F26" s="2" t="s">
        <v>51</v>
      </c>
      <c r="G26" s="2" t="s">
        <v>51</v>
      </c>
      <c r="H26" s="2" t="s">
        <v>51</v>
      </c>
      <c r="I26" s="2" t="s">
        <v>51</v>
      </c>
      <c r="J26" s="2" t="s">
        <v>51</v>
      </c>
      <c r="K26" s="2" t="s">
        <v>51</v>
      </c>
      <c r="L26" s="2" t="s">
        <v>51</v>
      </c>
      <c r="M26" s="2" t="s">
        <v>51</v>
      </c>
    </row>
    <row r="27" spans="1:13" x14ac:dyDescent="0.25">
      <c r="A27" s="4" t="s">
        <v>73</v>
      </c>
      <c r="B27" s="6" t="s">
        <v>3171</v>
      </c>
      <c r="C27" s="2" t="s">
        <v>51</v>
      </c>
      <c r="D27" s="2" t="s">
        <v>51</v>
      </c>
      <c r="E27" s="2" t="s">
        <v>51</v>
      </c>
      <c r="F27" s="2" t="s">
        <v>51</v>
      </c>
      <c r="G27" s="2" t="s">
        <v>51</v>
      </c>
      <c r="H27" s="2" t="s">
        <v>51</v>
      </c>
      <c r="I27" s="2" t="s">
        <v>51</v>
      </c>
      <c r="J27" s="2" t="s">
        <v>51</v>
      </c>
      <c r="K27" s="2" t="s">
        <v>51</v>
      </c>
      <c r="L27" s="2" t="s">
        <v>51</v>
      </c>
      <c r="M27" s="2" t="s">
        <v>51</v>
      </c>
    </row>
    <row r="28" spans="1:13" x14ac:dyDescent="0.25">
      <c r="A28" s="4" t="s">
        <v>79</v>
      </c>
      <c r="B28" s="6" t="s">
        <v>3172</v>
      </c>
      <c r="C28" s="2" t="s">
        <v>51</v>
      </c>
      <c r="D28" s="2" t="s">
        <v>51</v>
      </c>
      <c r="E28" s="2" t="s">
        <v>51</v>
      </c>
      <c r="F28" s="2" t="s">
        <v>51</v>
      </c>
      <c r="G28" s="2" t="s">
        <v>51</v>
      </c>
      <c r="H28" s="2" t="s">
        <v>51</v>
      </c>
      <c r="I28" s="2" t="s">
        <v>51</v>
      </c>
      <c r="J28" s="2" t="s">
        <v>51</v>
      </c>
      <c r="K28" s="2" t="s">
        <v>51</v>
      </c>
      <c r="L28" s="2" t="s">
        <v>51</v>
      </c>
      <c r="M28" s="2" t="s">
        <v>51</v>
      </c>
    </row>
    <row r="29" spans="1:13" x14ac:dyDescent="0.25">
      <c r="A29" s="4" t="s">
        <v>85</v>
      </c>
      <c r="B29" s="6" t="s">
        <v>3173</v>
      </c>
      <c r="C29" s="2" t="s">
        <v>51</v>
      </c>
      <c r="D29" s="2" t="s">
        <v>51</v>
      </c>
      <c r="E29" s="2" t="s">
        <v>51</v>
      </c>
      <c r="F29" s="2" t="s">
        <v>51</v>
      </c>
      <c r="G29" s="2" t="s">
        <v>51</v>
      </c>
      <c r="H29" s="2" t="s">
        <v>51</v>
      </c>
      <c r="I29" s="2" t="s">
        <v>51</v>
      </c>
      <c r="J29" s="2" t="s">
        <v>51</v>
      </c>
      <c r="K29" s="2" t="s">
        <v>51</v>
      </c>
      <c r="L29" s="2" t="s">
        <v>51</v>
      </c>
      <c r="M29" s="2" t="s">
        <v>51</v>
      </c>
    </row>
    <row r="30" spans="1:13" x14ac:dyDescent="0.25">
      <c r="A30" s="4" t="s">
        <v>87</v>
      </c>
      <c r="B30" s="6" t="s">
        <v>3174</v>
      </c>
      <c r="C30" s="2" t="s">
        <v>3175</v>
      </c>
      <c r="D30" s="2" t="s">
        <v>1986</v>
      </c>
      <c r="E30" s="2" t="s">
        <v>51</v>
      </c>
      <c r="F30" s="2" t="s">
        <v>51</v>
      </c>
      <c r="G30" s="2" t="s">
        <v>51</v>
      </c>
      <c r="H30" s="2" t="s">
        <v>51</v>
      </c>
      <c r="I30" s="2" t="s">
        <v>51</v>
      </c>
      <c r="J30" s="2" t="s">
        <v>51</v>
      </c>
      <c r="K30" s="2" t="s">
        <v>51</v>
      </c>
      <c r="L30" s="2" t="s">
        <v>51</v>
      </c>
      <c r="M30" s="2" t="s">
        <v>51</v>
      </c>
    </row>
    <row r="31" spans="1:13" x14ac:dyDescent="0.25">
      <c r="A31" s="5" t="s">
        <v>93</v>
      </c>
      <c r="B31" s="7" t="s">
        <v>3176</v>
      </c>
      <c r="C31" s="3" t="s">
        <v>51</v>
      </c>
      <c r="D31" s="3" t="s">
        <v>51</v>
      </c>
      <c r="E31" s="3" t="s">
        <v>51</v>
      </c>
      <c r="F31" s="3" t="s">
        <v>51</v>
      </c>
      <c r="G31" s="3" t="s">
        <v>51</v>
      </c>
      <c r="H31" s="3" t="s">
        <v>51</v>
      </c>
      <c r="I31" s="3" t="s">
        <v>51</v>
      </c>
      <c r="J31" s="3" t="s">
        <v>51</v>
      </c>
      <c r="K31" s="3" t="s">
        <v>51</v>
      </c>
      <c r="L31" s="3" t="s">
        <v>51</v>
      </c>
      <c r="M31" s="3" t="s">
        <v>51</v>
      </c>
    </row>
    <row r="32" spans="1:13" x14ac:dyDescent="0.25">
      <c r="A32" s="4" t="s">
        <v>95</v>
      </c>
      <c r="B32" s="6" t="s">
        <v>3177</v>
      </c>
      <c r="C32" s="2" t="s">
        <v>51</v>
      </c>
      <c r="D32" s="2" t="s">
        <v>51</v>
      </c>
      <c r="E32" s="2" t="s">
        <v>51</v>
      </c>
      <c r="F32" s="2" t="s">
        <v>51</v>
      </c>
      <c r="G32" s="2" t="s">
        <v>51</v>
      </c>
      <c r="H32" s="2" t="s">
        <v>51</v>
      </c>
      <c r="I32" s="2" t="s">
        <v>51</v>
      </c>
      <c r="J32" s="2" t="s">
        <v>51</v>
      </c>
      <c r="K32" s="2" t="s">
        <v>51</v>
      </c>
      <c r="L32" s="2" t="s">
        <v>51</v>
      </c>
      <c r="M32" s="2" t="s">
        <v>51</v>
      </c>
    </row>
  </sheetData>
  <mergeCells count="23">
    <mergeCell ref="A3:M3"/>
    <mergeCell ref="A4:M4"/>
    <mergeCell ref="A5:M5"/>
    <mergeCell ref="A6:M6"/>
    <mergeCell ref="A7:M7"/>
    <mergeCell ref="A9:M9"/>
    <mergeCell ref="A10:A11"/>
    <mergeCell ref="B10:B11"/>
    <mergeCell ref="C10:C11"/>
    <mergeCell ref="D10:E10"/>
    <mergeCell ref="A24:A25"/>
    <mergeCell ref="B24:B25"/>
    <mergeCell ref="C24:C25"/>
    <mergeCell ref="D24:D25"/>
    <mergeCell ref="E24:E25"/>
    <mergeCell ref="K24:K25"/>
    <mergeCell ref="L24:L25"/>
    <mergeCell ref="M24:M25"/>
    <mergeCell ref="F24:F25"/>
    <mergeCell ref="G24:G25"/>
    <mergeCell ref="H24:H25"/>
    <mergeCell ref="I24:I25"/>
    <mergeCell ref="J24:J25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0</vt:i4>
      </vt:variant>
    </vt:vector>
  </HeadingPairs>
  <TitlesOfParts>
    <vt:vector size="10" baseType="lpstr">
      <vt:lpstr>Anexo - 01 - Balanço Orçamentár</vt:lpstr>
      <vt:lpstr>Anexo - 02 - Despesas Função Su</vt:lpstr>
      <vt:lpstr>Anexo - 03 - Receita Corrente L</vt:lpstr>
      <vt:lpstr>Anexo - 04 - Previdência</vt:lpstr>
      <vt:lpstr>Anexo - 06 - Resultado Primário</vt:lpstr>
      <vt:lpstr>Anexo - 07 - Restos a Pagar</vt:lpstr>
      <vt:lpstr>Anexo - 08 - Receitas e Despesa</vt:lpstr>
      <vt:lpstr>Anexo - 12 - Receitas e Despesa</vt:lpstr>
      <vt:lpstr>Anexo - 13 - Parcerias Público-</vt:lpstr>
      <vt:lpstr>Anexo - 14 - Resumo Execução Or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Lucilene Aires de Souza</cp:lastModifiedBy>
  <cp:lastPrinted>2018-04-11T14:17:48Z</cp:lastPrinted>
  <dcterms:created xsi:type="dcterms:W3CDTF">2018-04-02T16:48:03Z</dcterms:created>
  <dcterms:modified xsi:type="dcterms:W3CDTF">2018-04-11T16:12:50Z</dcterms:modified>
</cp:coreProperties>
</file>